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0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fp.idir.bcgov\s120\S2008\_MCFD Shared Information\_Ministry Wide Share\CLBC Start-Up\PN\CLBC SP Internet\"/>
    </mc:Choice>
  </mc:AlternateContent>
  <xr:revisionPtr revIDLastSave="0" documentId="8_{C3683951-2862-4EC7-96DB-9373C19FE5BA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Header" sheetId="1" r:id="rId1"/>
    <sheet name="Staffing Schedule" sheetId="2" r:id="rId2"/>
    <sheet name="Funding" sheetId="3" r:id="rId3"/>
    <sheet name="Wage &amp; Benefit Calc." sheetId="4" r:id="rId4"/>
    <sheet name="Misc. Rates" sheetId="5" r:id="rId5"/>
  </sheets>
  <calcPr calcId="0"/>
</workbook>
</file>

<file path=xl/sharedStrings.xml><?xml version="1.0" encoding="utf-8"?>
<sst xmlns="http://schemas.openxmlformats.org/spreadsheetml/2006/main" count="709" uniqueCount="252">
  <si>
    <t>Incremental Union Draft Program Budget - Header</t>
  </si>
  <si>
    <t/>
  </si>
  <si>
    <t>Vendor</t>
  </si>
  <si>
    <t>Vendor Name:</t>
  </si>
  <si>
    <t>Vendor Test 6</t>
  </si>
  <si>
    <t>OCG Number :</t>
  </si>
  <si>
    <t>001696</t>
  </si>
  <si>
    <t>Primary Address :</t>
  </si>
  <si>
    <t>123 Main Street PARKSVILLE V9P 1H3</t>
  </si>
  <si>
    <t>Managing QS Area :</t>
  </si>
  <si>
    <t>Central-Upper Island QS Area</t>
  </si>
  <si>
    <t>Employer Association :</t>
  </si>
  <si>
    <t>None</t>
  </si>
  <si>
    <t>Vendor Role :</t>
  </si>
  <si>
    <t>Service Provider</t>
  </si>
  <si>
    <t>Negotiations</t>
  </si>
  <si>
    <t>Program Name :</t>
  </si>
  <si>
    <t>M3L2A</t>
  </si>
  <si>
    <t>Service Subcategory :</t>
  </si>
  <si>
    <t>Outreach Support</t>
  </si>
  <si>
    <t>Managing QS Area :</t>
  </si>
  <si>
    <t>Upper Fraser</t>
  </si>
  <si>
    <t>Payment Type :</t>
  </si>
  <si>
    <t>Fixed</t>
  </si>
  <si>
    <t>CSSEA</t>
  </si>
  <si>
    <t>Start Date :</t>
  </si>
  <si>
    <t>01-Apr-2022</t>
  </si>
  <si>
    <t>End Date :</t>
  </si>
  <si>
    <t>Funded Capacity :</t>
  </si>
  <si>
    <t>Days Closed per Year :</t>
  </si>
  <si>
    <t>Funded Capacity  Incremental Change :</t>
  </si>
  <si>
    <t>Direct Worker Wage Grid :</t>
  </si>
  <si>
    <t>Description :</t>
  </si>
  <si>
    <t>Vendor Details</t>
  </si>
  <si>
    <t>MPP Contribution % :</t>
  </si>
  <si>
    <t>14.5 %</t>
  </si>
  <si>
    <t>FTE Hours/Week :</t>
  </si>
  <si>
    <t>40</t>
  </si>
  <si>
    <t>MPP Participation % :</t>
  </si>
  <si>
    <t>90.5 %</t>
  </si>
  <si>
    <t>Administration % :</t>
  </si>
  <si>
    <t>9 %</t>
  </si>
  <si>
    <t>LTD % :</t>
  </si>
  <si>
    <t>3.5 %</t>
  </si>
  <si>
    <t>EHT % :</t>
  </si>
  <si>
    <t>1.3 %</t>
  </si>
  <si>
    <t>Other</t>
  </si>
  <si>
    <t>CLBC Comments :</t>
  </si>
  <si>
    <t>Vendor Comments :</t>
  </si>
  <si>
    <t>Incremental Union Draft Program Budget - Staffing Schedule</t>
  </si>
  <si>
    <t>Direct Staff</t>
  </si>
  <si>
    <t>Position   #</t>
  </si>
  <si>
    <t>Staff Job Classification</t>
  </si>
  <si>
    <t>Hourly Wage Rate</t>
  </si>
  <si>
    <t>Daily / Weekly Service Level Hours per Week</t>
  </si>
  <si>
    <t>Additional Service Level Hours for the Year</t>
  </si>
  <si>
    <t>Gross Fixed Service Level Hours per Week</t>
  </si>
  <si>
    <t>FTE</t>
  </si>
  <si>
    <t>Backfill %</t>
  </si>
  <si>
    <t>Net Fixed Service Level Hours per Week</t>
  </si>
  <si>
    <t>Service on Stat Holidays</t>
  </si>
  <si>
    <t>Total "Weekly" Service Hours for Direct Staff</t>
  </si>
  <si>
    <t>Total "Annual" Service Hours for Direct Staff</t>
  </si>
  <si>
    <t>Community Support Worker</t>
  </si>
  <si>
    <t>No</t>
  </si>
  <si>
    <t>Change to Service Level Hours</t>
  </si>
  <si>
    <t>Base Budget Weekly Gross Service Level Hours Total :</t>
  </si>
  <si>
    <t>Total Incremental Changes :</t>
  </si>
  <si>
    <t>Resulting Weekly Gross Service level Hours Total :</t>
  </si>
  <si>
    <t>Incremental Union Draft Program Budget - Funding</t>
  </si>
  <si>
    <t>Costs</t>
  </si>
  <si>
    <t>Line #</t>
  </si>
  <si>
    <t>Wages and Benefits</t>
  </si>
  <si>
    <t>Monthly Cost</t>
  </si>
  <si>
    <t>Annual Cost</t>
  </si>
  <si>
    <t>Base</t>
  </si>
  <si>
    <t>Increment</t>
  </si>
  <si>
    <t>Resulting</t>
  </si>
  <si>
    <t>% of Budget</t>
  </si>
  <si>
    <t>1</t>
  </si>
  <si>
    <t>Direct Staff Wages</t>
  </si>
  <si>
    <t>2</t>
  </si>
  <si>
    <t>Direct Staff Basic Benefits</t>
  </si>
  <si>
    <t>3</t>
  </si>
  <si>
    <t>Direct Staff MPP</t>
  </si>
  <si>
    <t>4</t>
  </si>
  <si>
    <t>Direct Staff LTD</t>
  </si>
  <si>
    <t>5</t>
  </si>
  <si>
    <t>Backfill Wages</t>
  </si>
  <si>
    <t>6</t>
  </si>
  <si>
    <t>Backfill Benefits</t>
  </si>
  <si>
    <t>7</t>
  </si>
  <si>
    <t>Backfill MPP</t>
  </si>
  <si>
    <t>8</t>
  </si>
  <si>
    <t>Supervisor Wages</t>
  </si>
  <si>
    <t>9</t>
  </si>
  <si>
    <t>Supervisor Basic Benefits</t>
  </si>
  <si>
    <t>10</t>
  </si>
  <si>
    <t>Supervisor MPP</t>
  </si>
  <si>
    <t>11</t>
  </si>
  <si>
    <t>Supervisor LTD</t>
  </si>
  <si>
    <t>12</t>
  </si>
  <si>
    <t>Subtotal Regular Wages &amp; Benefits</t>
  </si>
  <si>
    <t>13</t>
  </si>
  <si>
    <t>Superior Wages &amp; Benefits (if applicable)</t>
  </si>
  <si>
    <t>14</t>
  </si>
  <si>
    <t>Supervisor / Senior Worker Wage &amp; Benefits Adjustments (if applicable)</t>
  </si>
  <si>
    <t>15</t>
  </si>
  <si>
    <t>Subcontractor Wages</t>
  </si>
  <si>
    <t>16</t>
  </si>
  <si>
    <t>Other -</t>
  </si>
  <si>
    <t>17</t>
  </si>
  <si>
    <t>Subtotal Total Wages &amp; Benefits</t>
  </si>
  <si>
    <t>Direct Program Costs</t>
  </si>
  <si>
    <t>18</t>
  </si>
  <si>
    <t>Food</t>
  </si>
  <si>
    <t>19</t>
  </si>
  <si>
    <t>Medical Benefits</t>
  </si>
  <si>
    <t>20</t>
  </si>
  <si>
    <t>Staff Training / Education</t>
  </si>
  <si>
    <t>21</t>
  </si>
  <si>
    <t>Telephone</t>
  </si>
  <si>
    <t>22</t>
  </si>
  <si>
    <t>Cellular phone / pager</t>
  </si>
  <si>
    <t>23</t>
  </si>
  <si>
    <t>Cable</t>
  </si>
  <si>
    <t>24</t>
  </si>
  <si>
    <t>Internet</t>
  </si>
  <si>
    <t>25</t>
  </si>
  <si>
    <t>Mileage</t>
  </si>
  <si>
    <t>26</t>
  </si>
  <si>
    <t>Vehicle Gas</t>
  </si>
  <si>
    <t>27</t>
  </si>
  <si>
    <t>Vehicle repairs / maintenance</t>
  </si>
  <si>
    <t>28</t>
  </si>
  <si>
    <t>Vehicle insurance</t>
  </si>
  <si>
    <t>29</t>
  </si>
  <si>
    <t>Recreation</t>
  </si>
  <si>
    <t>30</t>
  </si>
  <si>
    <t>Program Supplies &amp; Emergency Materials</t>
  </si>
  <si>
    <t>31</t>
  </si>
  <si>
    <t>32</t>
  </si>
  <si>
    <t>33</t>
  </si>
  <si>
    <t>34</t>
  </si>
  <si>
    <t>35</t>
  </si>
  <si>
    <t>Subtotal Direct Program Costs</t>
  </si>
  <si>
    <t>Total Labour and Direct Program Costs</t>
  </si>
  <si>
    <t>Administration</t>
  </si>
  <si>
    <t>36</t>
  </si>
  <si>
    <t>Administration - 9.0000 %</t>
  </si>
  <si>
    <t>37</t>
  </si>
  <si>
    <t>Subtotal Administration</t>
  </si>
  <si>
    <t>Facilities</t>
  </si>
  <si>
    <t>38</t>
  </si>
  <si>
    <t>Facility Type:</t>
  </si>
  <si>
    <t>39</t>
  </si>
  <si>
    <t>Fair Market Rent - for "owned" properties</t>
  </si>
  <si>
    <t>Arms-length Rent - for "rented" properties</t>
  </si>
  <si>
    <t>41</t>
  </si>
  <si>
    <t>Rent or Lease payments</t>
  </si>
  <si>
    <t>42</t>
  </si>
  <si>
    <t>Mortgage payments</t>
  </si>
  <si>
    <t>43</t>
  </si>
  <si>
    <t>Property Taxes - owned properties</t>
  </si>
  <si>
    <t>44</t>
  </si>
  <si>
    <t>Major Appliances - owned properties (generally)</t>
  </si>
  <si>
    <t>45</t>
  </si>
  <si>
    <t>Utilities - owned or rented properties</t>
  </si>
  <si>
    <t>46</t>
  </si>
  <si>
    <t>Repairs &amp; Maintenance - owned or rented properties</t>
  </si>
  <si>
    <t>47</t>
  </si>
  <si>
    <t>Janitorial Supplies - owned or rented properties</t>
  </si>
  <si>
    <t>48</t>
  </si>
  <si>
    <t>Property Insurance - e.g. fire, earthquake, etc - owned or rented properties</t>
  </si>
  <si>
    <t>49</t>
  </si>
  <si>
    <t>50</t>
  </si>
  <si>
    <t>51</t>
  </si>
  <si>
    <t>52</t>
  </si>
  <si>
    <t>Total Facilities Costs</t>
  </si>
  <si>
    <t>53</t>
  </si>
  <si>
    <t>54</t>
  </si>
  <si>
    <t>Total Other Costs</t>
  </si>
  <si>
    <t>Total Costs</t>
  </si>
  <si>
    <t>Non-CLBC Funding Sources</t>
  </si>
  <si>
    <t>% of Total Funding</t>
  </si>
  <si>
    <t>55</t>
  </si>
  <si>
    <t>Persons with Disabilities (PWD) - under age 65</t>
  </si>
  <si>
    <t>56</t>
  </si>
  <si>
    <t>Old Age Security / Guaranteed Income Supplement (OAS/GIS) - age 65 and over</t>
  </si>
  <si>
    <t>57</t>
  </si>
  <si>
    <t>Transportation Allowance</t>
  </si>
  <si>
    <t>58</t>
  </si>
  <si>
    <t>BC Housing Management Commission (BCHMC) Subsidies</t>
  </si>
  <si>
    <t>59</t>
  </si>
  <si>
    <t>GST/HST Rebate</t>
  </si>
  <si>
    <t>60</t>
  </si>
  <si>
    <t>61</t>
  </si>
  <si>
    <t>62</t>
  </si>
  <si>
    <t>Total Non-CLBC Funding</t>
  </si>
  <si>
    <t>Total Funding Requested from CLBC</t>
  </si>
  <si>
    <t>FGT (Gap) Premium</t>
  </si>
  <si>
    <t>63</t>
  </si>
  <si>
    <t>64</t>
  </si>
  <si>
    <t>65</t>
  </si>
  <si>
    <t>66</t>
  </si>
  <si>
    <t>67</t>
  </si>
  <si>
    <t>68</t>
  </si>
  <si>
    <t>New FGT (Gap) Premium</t>
  </si>
  <si>
    <t>Summary (CLBC use only)</t>
  </si>
  <si>
    <t>69</t>
  </si>
  <si>
    <t>Medical Benefits per Line #19 above (including administration)</t>
  </si>
  <si>
    <t>70</t>
  </si>
  <si>
    <t>Funding for Services (excluding medical benefits)</t>
  </si>
  <si>
    <t>71</t>
  </si>
  <si>
    <t>Total Funding provided by CLBC</t>
  </si>
  <si>
    <t>Incremental Union Draft Program Budget - Wage &amp; Benefit Calc.</t>
  </si>
  <si>
    <t>Supervisor Wage and Benefit Calculation</t>
  </si>
  <si>
    <t>Wages</t>
  </si>
  <si>
    <t>Basic Benefits</t>
  </si>
  <si>
    <t>LTD</t>
  </si>
  <si>
    <t>Backfill - Wages</t>
  </si>
  <si>
    <t>Backfill - Benefits</t>
  </si>
  <si>
    <t>MPP</t>
  </si>
  <si>
    <t>Total</t>
  </si>
  <si>
    <t>Position #</t>
  </si>
  <si>
    <t>Job Classification</t>
  </si>
  <si>
    <t>Paid Hours/ week</t>
  </si>
  <si>
    <t>Hourly Rate</t>
  </si>
  <si>
    <t>Monthly      Cost</t>
  </si>
  <si>
    <t>Benefit   %</t>
  </si>
  <si>
    <t>Monthly  Cost</t>
  </si>
  <si>
    <t>LTD %</t>
  </si>
  <si>
    <t>Backfill Wages %</t>
  </si>
  <si>
    <t>Backfill Benefits %</t>
  </si>
  <si>
    <t>MPP %</t>
  </si>
  <si>
    <t>Supervisor</t>
  </si>
  <si>
    <t>Supervisor Subtotal</t>
  </si>
  <si>
    <t>Direct Staffing Wage and Benefit Calculation</t>
  </si>
  <si>
    <t>Direct Staff Subtotal</t>
  </si>
  <si>
    <t>Total Wages and Benefits</t>
  </si>
  <si>
    <t>Incremental Union Draft Program Budget - Misc. Rates</t>
  </si>
  <si>
    <t>Utilized Rate</t>
  </si>
  <si>
    <t>Monthly Labour Cost with Associated Admin</t>
  </si>
  <si>
    <t>Monthly Net Service Level Hours</t>
  </si>
  <si>
    <t>Utilized Rate per Hour</t>
  </si>
  <si>
    <t>Divided by</t>
  </si>
  <si>
    <t>Equals</t>
  </si>
  <si>
    <t>Recovery rate (Fixed Only)</t>
  </si>
  <si>
    <t>Monthly Diredt Staff Wages &amp; Benefits</t>
  </si>
  <si>
    <t>Monthly Backfill Wages &amp; Benefits</t>
  </si>
  <si>
    <t>Recovery Rate per Hour</t>
  </si>
  <si>
    <t>Ad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8">
    <numFmt numFmtId="164" formatCode="[$-1011009]General"/>
    <numFmt numFmtId="165" formatCode="[$-1011009]#,##0.00;\-#,##0.00"/>
    <numFmt numFmtId="166" formatCode="[$-1011009]&quot;$&quot;#,##0.0000;\-&quot;$&quot;#,##0.0000"/>
    <numFmt numFmtId="167" formatCode="[$-1011009]#,##0.0000%"/>
    <numFmt numFmtId="168" formatCode="[$-1011009]&quot;$&quot;#,##0.00;\-&quot;$&quot;#,##0.00"/>
    <numFmt numFmtId="169" formatCode="[$-1011009]#,##0.00%"/>
    <numFmt numFmtId="170" formatCode="[$-1011009]#,##0.0000;\-#,##0.0000"/>
    <numFmt numFmtId="171" formatCode="[$-1011009]#,##0.00000000;\-#,##0.00000000"/>
  </numFmts>
  <fonts count="13">
    <font>
      <sz val="11"/>
      <color rgb="FF000000"/>
      <name val="Calibri"/>
    </font>
    <font>
      <sz val="11"/>
      <name val="Calibri"/>
    </font>
    <font>
      <b/>
      <sz val="12"/>
      <color rgb="FF000000"/>
      <name val="Calibri"/>
    </font>
    <font>
      <sz val="9"/>
      <color rgb="FFFFFFFF"/>
      <name val="Cambria"/>
    </font>
    <font>
      <b/>
      <u/>
      <sz val="9"/>
      <color rgb="FF000000"/>
      <name val="Calibri"/>
    </font>
    <font>
      <sz val="9"/>
      <color rgb="FF000000"/>
      <name val="Calibri"/>
    </font>
    <font>
      <b/>
      <sz val="9"/>
      <color rgb="FF000000"/>
      <name val="Calibri"/>
    </font>
    <font>
      <b/>
      <sz val="8"/>
      <color rgb="FF000000"/>
      <name val="Calibri"/>
    </font>
    <font>
      <sz val="8"/>
      <color rgb="FF000000"/>
      <name val="Calibri"/>
    </font>
    <font>
      <b/>
      <i/>
      <sz val="8"/>
      <color rgb="FF000000"/>
      <name val="Calibri"/>
    </font>
    <font>
      <b/>
      <sz val="7"/>
      <color rgb="FF000000"/>
      <name val="Calibri"/>
    </font>
    <font>
      <sz val="7"/>
      <color rgb="FF000000"/>
      <name val="Calibri"/>
    </font>
    <font>
      <b/>
      <i/>
      <sz val="8"/>
      <color rgb="FF4682B4"/>
      <name val="Calibri"/>
    </font>
  </fonts>
  <fills count="5">
    <fill>
      <patternFill patternType="none"/>
    </fill>
    <fill>
      <patternFill patternType="gray125"/>
    </fill>
    <fill>
      <patternFill patternType="solid">
        <fgColor rgb="FF4682B4"/>
      </patternFill>
    </fill>
    <fill>
      <patternFill patternType="solid">
        <fgColor rgb="FFE0FFFF"/>
      </patternFill>
    </fill>
    <fill>
      <patternFill patternType="solid">
        <fgColor rgb="FFFFFFFF"/>
      </patternFill>
    </fill>
  </fills>
  <borders count="14">
    <border>
      <left/>
      <right/>
      <top/>
      <bottom/>
      <diagonal/>
    </border>
    <border>
      <left/>
      <right/>
      <top style="medium">
        <color rgb="FF000000"/>
      </top>
      <bottom/>
      <diagonal/>
    </border>
    <border>
      <left/>
      <right/>
      <top/>
      <bottom style="medium">
        <color rgb="FF4682B4"/>
      </bottom>
      <diagonal/>
    </border>
    <border>
      <left/>
      <right/>
      <top style="medium">
        <color rgb="FF87CEFA"/>
      </top>
      <bottom/>
      <diagonal/>
    </border>
    <border>
      <left/>
      <right/>
      <top style="medium">
        <color rgb="FF87CEFA"/>
      </top>
      <bottom style="medium">
        <color rgb="FF87CEFA"/>
      </bottom>
      <diagonal/>
    </border>
    <border>
      <left/>
      <right/>
      <top/>
      <bottom style="medium">
        <color rgb="FF87CEFA"/>
      </bottom>
      <diagonal/>
    </border>
    <border>
      <left style="medium">
        <color rgb="FF87CEFA"/>
      </left>
      <right/>
      <top style="medium">
        <color rgb="FF87CEFA"/>
      </top>
      <bottom style="medium">
        <color rgb="FF87CEFA"/>
      </bottom>
      <diagonal/>
    </border>
    <border>
      <left/>
      <right style="medium">
        <color rgb="FF87CEFA"/>
      </right>
      <top style="medium">
        <color rgb="FF87CEFA"/>
      </top>
      <bottom style="medium">
        <color rgb="FF87CEFA"/>
      </bottom>
      <diagonal/>
    </border>
    <border>
      <left style="medium">
        <color rgb="FF87CEFA"/>
      </left>
      <right/>
      <top style="medium">
        <color rgb="FF87CEFA"/>
      </top>
      <bottom/>
      <diagonal/>
    </border>
    <border>
      <left style="medium">
        <color rgb="FF87CEFA"/>
      </left>
      <right/>
      <top/>
      <bottom style="medium">
        <color rgb="FF87CEFA"/>
      </bottom>
      <diagonal/>
    </border>
    <border>
      <left style="medium">
        <color rgb="FF87CEFA"/>
      </left>
      <right style="medium">
        <color rgb="FF87CEFA"/>
      </right>
      <top style="medium">
        <color rgb="FF87CEFA"/>
      </top>
      <bottom style="medium">
        <color rgb="FF87CEFA"/>
      </bottom>
      <diagonal/>
    </border>
    <border>
      <left style="medium">
        <color rgb="FF87CEFA"/>
      </left>
      <right/>
      <top/>
      <bottom/>
      <diagonal/>
    </border>
    <border>
      <left style="medium">
        <color rgb="FF87CEFA"/>
      </left>
      <right style="medium">
        <color rgb="FF87CEFA"/>
      </right>
      <top/>
      <bottom/>
      <diagonal/>
    </border>
    <border>
      <left style="medium">
        <color rgb="FF87CEFA"/>
      </left>
      <right style="medium">
        <color rgb="FF87CEFA"/>
      </right>
      <top/>
      <bottom style="medium">
        <color rgb="FF87CEFA"/>
      </bottom>
      <diagonal/>
    </border>
  </borders>
  <cellStyleXfs count="1">
    <xf numFmtId="0" fontId="0" fillId="0" borderId="0">
      <alignment wrapText="1"/>
    </xf>
  </cellStyleXfs>
  <cellXfs count="117">
    <xf numFmtId="0" fontId="0" fillId="0" borderId="0" xfId="0" applyAlignment="1">
      <alignment wrapText="1" readingOrder="1"/>
    </xf>
    <xf numFmtId="0" fontId="1" fillId="0" borderId="0" xfId="0" applyFont="1" applyAlignment="1">
      <alignment horizontal="center" vertical="top" readingOrder="1"/>
    </xf>
    <xf numFmtId="164" fontId="2" fillId="0" borderId="0" xfId="0" applyNumberFormat="1" applyFont="1" applyAlignment="1">
      <alignment horizontal="left" vertical="center" wrapText="1" readingOrder="1"/>
    </xf>
    <xf numFmtId="164" fontId="4" fillId="0" borderId="0" xfId="0" applyNumberFormat="1" applyFont="1" applyAlignment="1">
      <alignment horizontal="left" vertical="top" wrapText="1" readingOrder="1"/>
    </xf>
    <xf numFmtId="164" fontId="4" fillId="0" borderId="0" xfId="0" applyNumberFormat="1" applyFont="1" applyAlignment="1">
      <alignment horizontal="right" vertical="top" wrapText="1" readingOrder="1"/>
    </xf>
    <xf numFmtId="164" fontId="5" fillId="0" borderId="0" xfId="0" applyNumberFormat="1" applyFont="1" applyAlignment="1">
      <alignment horizontal="left" wrapText="1" readingOrder="1"/>
    </xf>
    <xf numFmtId="164" fontId="6" fillId="0" borderId="0" xfId="0" applyNumberFormat="1" applyFont="1" applyAlignment="1">
      <alignment horizontal="right" vertical="center" wrapText="1" readingOrder="1"/>
    </xf>
    <xf numFmtId="164" fontId="5" fillId="0" borderId="0" xfId="0" applyNumberFormat="1" applyFont="1" applyAlignment="1">
      <alignment horizontal="left" vertical="center" wrapText="1" readingOrder="1"/>
    </xf>
    <xf numFmtId="164" fontId="5" fillId="0" borderId="0" xfId="0" applyNumberFormat="1" applyFont="1" applyAlignment="1">
      <alignment horizontal="right" wrapText="1" readingOrder="1"/>
    </xf>
    <xf numFmtId="165" fontId="5" fillId="0" borderId="0" xfId="0" applyNumberFormat="1" applyFont="1" applyAlignment="1">
      <alignment horizontal="left" vertical="center" wrapText="1" readingOrder="1"/>
    </xf>
    <xf numFmtId="164" fontId="6" fillId="0" borderId="0" xfId="0" applyNumberFormat="1" applyFont="1" applyAlignment="1">
      <alignment horizontal="right" vertical="top" wrapText="1" readingOrder="1"/>
    </xf>
    <xf numFmtId="0" fontId="1" fillId="0" borderId="1" xfId="0" applyFont="1" applyBorder="1" applyAlignment="1">
      <alignment horizontal="center" vertical="top" readingOrder="1"/>
    </xf>
    <xf numFmtId="164" fontId="7" fillId="0" borderId="2" xfId="0" applyNumberFormat="1" applyFont="1" applyBorder="1" applyAlignment="1">
      <alignment horizontal="right" vertical="center" wrapText="1" readingOrder="1"/>
    </xf>
    <xf numFmtId="164" fontId="7" fillId="0" borderId="2" xfId="0" applyNumberFormat="1" applyFont="1" applyBorder="1" applyAlignment="1">
      <alignment horizontal="center" wrapText="1" readingOrder="1"/>
    </xf>
    <xf numFmtId="164" fontId="7" fillId="0" borderId="2" xfId="0" applyNumberFormat="1" applyFont="1" applyBorder="1" applyAlignment="1">
      <alignment horizontal="right" wrapText="1" readingOrder="1"/>
    </xf>
    <xf numFmtId="164" fontId="8" fillId="0" borderId="0" xfId="0" applyNumberFormat="1" applyFont="1" applyAlignment="1">
      <alignment horizontal="center" vertical="center" wrapText="1" readingOrder="1"/>
    </xf>
    <xf numFmtId="164" fontId="7" fillId="0" borderId="0" xfId="0" applyNumberFormat="1" applyFont="1" applyAlignment="1">
      <alignment horizontal="right" vertical="center" wrapText="1" readingOrder="1"/>
    </xf>
    <xf numFmtId="165" fontId="7" fillId="3" borderId="0" xfId="0" applyNumberFormat="1" applyFont="1" applyFill="1" applyAlignment="1">
      <alignment horizontal="right" vertical="center" wrapText="1" readingOrder="1"/>
    </xf>
    <xf numFmtId="164" fontId="7" fillId="3" borderId="0" xfId="0" applyNumberFormat="1" applyFont="1" applyFill="1" applyAlignment="1">
      <alignment horizontal="right" vertical="center" wrapText="1" readingOrder="1"/>
    </xf>
    <xf numFmtId="164" fontId="8" fillId="0" borderId="0" xfId="0" applyNumberFormat="1" applyFont="1" applyAlignment="1">
      <alignment horizontal="right" vertical="center" wrapText="1" readingOrder="1"/>
    </xf>
    <xf numFmtId="165" fontId="8" fillId="0" borderId="0" xfId="0" applyNumberFormat="1" applyFont="1" applyAlignment="1">
      <alignment horizontal="right" vertical="center" wrapText="1" readingOrder="1"/>
    </xf>
    <xf numFmtId="167" fontId="8" fillId="0" borderId="0" xfId="0" applyNumberFormat="1" applyFont="1" applyAlignment="1">
      <alignment horizontal="right" vertical="center" wrapText="1" readingOrder="1"/>
    </xf>
    <xf numFmtId="165" fontId="8" fillId="4" borderId="0" xfId="0" applyNumberFormat="1" applyFont="1" applyFill="1" applyAlignment="1">
      <alignment horizontal="left" vertical="center" wrapText="1" readingOrder="1"/>
    </xf>
    <xf numFmtId="164" fontId="7" fillId="0" borderId="4" xfId="0" applyNumberFormat="1" applyFont="1" applyBorder="1" applyAlignment="1">
      <alignment horizontal="right" vertical="center" wrapText="1" readingOrder="1"/>
    </xf>
    <xf numFmtId="164" fontId="8" fillId="0" borderId="0" xfId="0" applyNumberFormat="1" applyFont="1" applyAlignment="1">
      <alignment horizontal="left" vertical="center" wrapText="1" readingOrder="1"/>
    </xf>
    <xf numFmtId="168" fontId="8" fillId="0" borderId="0" xfId="0" applyNumberFormat="1" applyFont="1" applyAlignment="1">
      <alignment horizontal="right" vertical="center" wrapText="1" readingOrder="1"/>
    </xf>
    <xf numFmtId="169" fontId="8" fillId="0" borderId="0" xfId="0" applyNumberFormat="1" applyFont="1" applyAlignment="1">
      <alignment horizontal="right" vertical="center" wrapText="1" readingOrder="1"/>
    </xf>
    <xf numFmtId="164" fontId="8" fillId="3" borderId="0" xfId="0" applyNumberFormat="1" applyFont="1" applyFill="1" applyAlignment="1">
      <alignment horizontal="left" vertical="center" wrapText="1" readingOrder="1"/>
    </xf>
    <xf numFmtId="168" fontId="7" fillId="3" borderId="0" xfId="0" applyNumberFormat="1" applyFont="1" applyFill="1" applyAlignment="1">
      <alignment horizontal="right" vertical="center" wrapText="1" readingOrder="1"/>
    </xf>
    <xf numFmtId="169" fontId="7" fillId="3" borderId="0" xfId="0" applyNumberFormat="1" applyFont="1" applyFill="1" applyAlignment="1">
      <alignment horizontal="right" vertical="center" wrapText="1" readingOrder="1"/>
    </xf>
    <xf numFmtId="164" fontId="10" fillId="0" borderId="4" xfId="0" applyNumberFormat="1" applyFont="1" applyBorder="1" applyAlignment="1">
      <alignment horizontal="right" vertical="center" wrapText="1" readingOrder="1"/>
    </xf>
    <xf numFmtId="164" fontId="10" fillId="0" borderId="7" xfId="0" applyNumberFormat="1" applyFont="1" applyBorder="1" applyAlignment="1">
      <alignment horizontal="right" vertical="center" wrapText="1" readingOrder="1"/>
    </xf>
    <xf numFmtId="164" fontId="11" fillId="0" borderId="8" xfId="0" applyNumberFormat="1" applyFont="1" applyBorder="1" applyAlignment="1">
      <alignment horizontal="center" vertical="center" wrapText="1" readingOrder="1"/>
    </xf>
    <xf numFmtId="164" fontId="10" fillId="0" borderId="8" xfId="0" applyNumberFormat="1" applyFont="1" applyBorder="1" applyAlignment="1">
      <alignment horizontal="center" vertical="center" wrapText="1" readingOrder="1"/>
    </xf>
    <xf numFmtId="164" fontId="10" fillId="0" borderId="9" xfId="0" applyNumberFormat="1" applyFont="1" applyBorder="1" applyAlignment="1">
      <alignment horizontal="center" vertical="center" wrapText="1" readingOrder="1"/>
    </xf>
    <xf numFmtId="164" fontId="10" fillId="0" borderId="9" xfId="0" applyNumberFormat="1" applyFont="1" applyBorder="1" applyAlignment="1">
      <alignment horizontal="left" vertical="center" wrapText="1" readingOrder="1"/>
    </xf>
    <xf numFmtId="164" fontId="10" fillId="0" borderId="6" xfId="0" applyNumberFormat="1" applyFont="1" applyBorder="1" applyAlignment="1">
      <alignment horizontal="right" vertical="center" wrapText="1" readingOrder="1"/>
    </xf>
    <xf numFmtId="164" fontId="10" fillId="0" borderId="10" xfId="0" applyNumberFormat="1" applyFont="1" applyBorder="1" applyAlignment="1">
      <alignment horizontal="right" vertical="center" wrapText="1" readingOrder="1"/>
    </xf>
    <xf numFmtId="164" fontId="11" fillId="0" borderId="11" xfId="0" applyNumberFormat="1" applyFont="1" applyBorder="1" applyAlignment="1">
      <alignment horizontal="center" vertical="center" wrapText="1" readingOrder="1"/>
    </xf>
    <xf numFmtId="0" fontId="11" fillId="0" borderId="11" xfId="0" applyFont="1" applyBorder="1" applyAlignment="1">
      <alignment horizontal="left" vertical="center" wrapText="1" readingOrder="1"/>
    </xf>
    <xf numFmtId="170" fontId="11" fillId="0" borderId="11" xfId="0" applyNumberFormat="1" applyFont="1" applyBorder="1" applyAlignment="1">
      <alignment horizontal="right" vertical="center" wrapText="1" readingOrder="1"/>
    </xf>
    <xf numFmtId="168" fontId="11" fillId="0" borderId="11" xfId="0" applyNumberFormat="1" applyFont="1" applyBorder="1" applyAlignment="1">
      <alignment horizontal="right" vertical="center" wrapText="1" readingOrder="1"/>
    </xf>
    <xf numFmtId="169" fontId="11" fillId="0" borderId="11" xfId="0" applyNumberFormat="1" applyFont="1" applyBorder="1" applyAlignment="1">
      <alignment horizontal="right" vertical="center" wrapText="1" readingOrder="1"/>
    </xf>
    <xf numFmtId="168" fontId="11" fillId="0" borderId="12" xfId="0" applyNumberFormat="1" applyFont="1" applyBorder="1" applyAlignment="1">
      <alignment horizontal="right" vertical="center" wrapText="1" readingOrder="1"/>
    </xf>
    <xf numFmtId="164" fontId="11" fillId="3" borderId="11" xfId="0" applyNumberFormat="1" applyFont="1" applyFill="1" applyBorder="1" applyAlignment="1">
      <alignment horizontal="center" vertical="center" wrapText="1" readingOrder="1"/>
    </xf>
    <xf numFmtId="0" fontId="10" fillId="3" borderId="11" xfId="0" applyFont="1" applyFill="1" applyBorder="1" applyAlignment="1">
      <alignment horizontal="left" vertical="center" wrapText="1" readingOrder="1"/>
    </xf>
    <xf numFmtId="170" fontId="10" fillId="3" borderId="11" xfId="0" applyNumberFormat="1" applyFont="1" applyFill="1" applyBorder="1" applyAlignment="1">
      <alignment horizontal="right" vertical="center" wrapText="1" readingOrder="1"/>
    </xf>
    <xf numFmtId="168" fontId="11" fillId="3" borderId="11" xfId="0" applyNumberFormat="1" applyFont="1" applyFill="1" applyBorder="1" applyAlignment="1">
      <alignment horizontal="right" vertical="center" wrapText="1" readingOrder="1"/>
    </xf>
    <xf numFmtId="168" fontId="10" fillId="3" borderId="11" xfId="0" applyNumberFormat="1" applyFont="1" applyFill="1" applyBorder="1" applyAlignment="1">
      <alignment horizontal="right" vertical="center" wrapText="1" readingOrder="1"/>
    </xf>
    <xf numFmtId="169" fontId="11" fillId="3" borderId="11" xfId="0" applyNumberFormat="1" applyFont="1" applyFill="1" applyBorder="1" applyAlignment="1">
      <alignment horizontal="right" vertical="center" wrapText="1" readingOrder="1"/>
    </xf>
    <xf numFmtId="168" fontId="10" fillId="3" borderId="12" xfId="0" applyNumberFormat="1" applyFont="1" applyFill="1" applyBorder="1" applyAlignment="1">
      <alignment horizontal="right" vertical="center" wrapText="1" readingOrder="1"/>
    </xf>
    <xf numFmtId="164" fontId="8" fillId="0" borderId="9" xfId="0" applyNumberFormat="1" applyFont="1" applyBorder="1" applyAlignment="1">
      <alignment horizontal="center" vertical="center" wrapText="1" readingOrder="1"/>
    </xf>
    <xf numFmtId="164" fontId="8" fillId="0" borderId="9" xfId="0" applyNumberFormat="1" applyFont="1" applyBorder="1" applyAlignment="1">
      <alignment horizontal="right" vertical="center" wrapText="1" readingOrder="1"/>
    </xf>
    <xf numFmtId="164" fontId="8" fillId="0" borderId="13" xfId="0" applyNumberFormat="1" applyFont="1" applyBorder="1" applyAlignment="1">
      <alignment horizontal="right" vertical="center" wrapText="1" readingOrder="1"/>
    </xf>
    <xf numFmtId="168" fontId="5" fillId="0" borderId="0" xfId="0" applyNumberFormat="1" applyFont="1" applyAlignment="1">
      <alignment horizontal="right" vertical="center" wrapText="1" readingOrder="1"/>
    </xf>
    <xf numFmtId="164" fontId="12" fillId="0" borderId="0" xfId="0" applyNumberFormat="1" applyFont="1" applyAlignment="1">
      <alignment horizontal="center" vertical="center" wrapText="1" readingOrder="1"/>
    </xf>
    <xf numFmtId="171" fontId="5" fillId="0" borderId="0" xfId="0" applyNumberFormat="1" applyFont="1" applyAlignment="1">
      <alignment horizontal="right" vertical="center" wrapText="1" readingOrder="1"/>
    </xf>
    <xf numFmtId="0" fontId="1" fillId="0" borderId="0" xfId="0" applyFont="1" applyAlignment="1">
      <alignment horizontal="center" vertical="top" readingOrder="1"/>
    </xf>
    <xf numFmtId="164" fontId="2" fillId="0" borderId="0" xfId="0" applyNumberFormat="1" applyFont="1" applyAlignment="1">
      <alignment horizontal="right" vertical="center" wrapText="1" readingOrder="1"/>
    </xf>
    <xf numFmtId="164" fontId="3" fillId="2" borderId="0" xfId="0" applyNumberFormat="1" applyFont="1" applyFill="1" applyAlignment="1">
      <alignment horizontal="center" vertical="center" wrapText="1" readingOrder="1"/>
    </xf>
    <xf numFmtId="164" fontId="4" fillId="0" borderId="0" xfId="0" applyNumberFormat="1" applyFont="1" applyAlignment="1">
      <alignment horizontal="left" vertical="top" wrapText="1" readingOrder="1"/>
    </xf>
    <xf numFmtId="164" fontId="4" fillId="0" borderId="0" xfId="0" applyNumberFormat="1" applyFont="1" applyAlignment="1">
      <alignment horizontal="right" vertical="top" wrapText="1" readingOrder="1"/>
    </xf>
    <xf numFmtId="164" fontId="5" fillId="0" borderId="0" xfId="0" applyNumberFormat="1" applyFont="1" applyAlignment="1">
      <alignment horizontal="left" vertical="center" wrapText="1" readingOrder="1"/>
    </xf>
    <xf numFmtId="164" fontId="6" fillId="0" borderId="0" xfId="0" applyNumberFormat="1" applyFont="1" applyAlignment="1">
      <alignment horizontal="right" vertical="center" wrapText="1" readingOrder="1"/>
    </xf>
    <xf numFmtId="164" fontId="5" fillId="0" borderId="0" xfId="0" applyNumberFormat="1" applyFont="1" applyAlignment="1">
      <alignment horizontal="left" wrapText="1" readingOrder="1"/>
    </xf>
    <xf numFmtId="164" fontId="5" fillId="0" borderId="0" xfId="0" applyNumberFormat="1" applyFont="1" applyAlignment="1">
      <alignment horizontal="right" wrapText="1" readingOrder="1"/>
    </xf>
    <xf numFmtId="165" fontId="5" fillId="0" borderId="0" xfId="0" applyNumberFormat="1" applyFont="1" applyAlignment="1">
      <alignment horizontal="left" vertical="center" wrapText="1" readingOrder="1"/>
    </xf>
    <xf numFmtId="164" fontId="5" fillId="0" borderId="0" xfId="0" applyNumberFormat="1" applyFont="1" applyAlignment="1">
      <alignment horizontal="left" vertical="top" wrapText="1" readingOrder="1"/>
    </xf>
    <xf numFmtId="0" fontId="1" fillId="0" borderId="1" xfId="0" applyFont="1" applyBorder="1" applyAlignment="1">
      <alignment horizontal="center" vertical="top" readingOrder="1"/>
    </xf>
    <xf numFmtId="164" fontId="6" fillId="0" borderId="2" xfId="0" applyNumberFormat="1" applyFont="1" applyBorder="1" applyAlignment="1">
      <alignment horizontal="left" vertical="center" wrapText="1" readingOrder="1"/>
    </xf>
    <xf numFmtId="164" fontId="7" fillId="0" borderId="2" xfId="0" applyNumberFormat="1" applyFont="1" applyBorder="1" applyAlignment="1">
      <alignment horizontal="right" vertical="center" wrapText="1" readingOrder="1"/>
    </xf>
    <xf numFmtId="164" fontId="7" fillId="0" borderId="2" xfId="0" applyNumberFormat="1" applyFont="1" applyBorder="1" applyAlignment="1">
      <alignment horizontal="right" wrapText="1" readingOrder="1"/>
    </xf>
    <xf numFmtId="164" fontId="8" fillId="0" borderId="0" xfId="0" applyNumberFormat="1" applyFont="1" applyAlignment="1">
      <alignment horizontal="center" vertical="center" wrapText="1" readingOrder="1"/>
    </xf>
    <xf numFmtId="164" fontId="7" fillId="0" borderId="0" xfId="0" applyNumberFormat="1" applyFont="1" applyAlignment="1">
      <alignment horizontal="center" vertical="center" wrapText="1" readingOrder="1"/>
    </xf>
    <xf numFmtId="164" fontId="7" fillId="0" borderId="0" xfId="0" applyNumberFormat="1" applyFont="1" applyAlignment="1">
      <alignment horizontal="right" vertical="center" wrapText="1" readingOrder="1"/>
    </xf>
    <xf numFmtId="164" fontId="7" fillId="0" borderId="2" xfId="0" applyNumberFormat="1" applyFont="1" applyBorder="1" applyAlignment="1">
      <alignment horizontal="left" wrapText="1" readingOrder="1"/>
    </xf>
    <xf numFmtId="165" fontId="7" fillId="3" borderId="0" xfId="0" applyNumberFormat="1" applyFont="1" applyFill="1" applyAlignment="1">
      <alignment horizontal="right" vertical="center" wrapText="1" readingOrder="1"/>
    </xf>
    <xf numFmtId="164" fontId="7" fillId="3" borderId="0" xfId="0" applyNumberFormat="1" applyFont="1" applyFill="1" applyAlignment="1">
      <alignment horizontal="right" vertical="center" wrapText="1" readingOrder="1"/>
    </xf>
    <xf numFmtId="164" fontId="7" fillId="3" borderId="0" xfId="0" applyNumberFormat="1" applyFont="1" applyFill="1" applyAlignment="1">
      <alignment horizontal="left" vertical="center" wrapText="1" readingOrder="1"/>
    </xf>
    <xf numFmtId="164" fontId="7" fillId="3" borderId="0" xfId="0" applyNumberFormat="1" applyFont="1" applyFill="1" applyAlignment="1">
      <alignment horizontal="center" vertical="center" wrapText="1" readingOrder="1"/>
    </xf>
    <xf numFmtId="164" fontId="8" fillId="0" borderId="0" xfId="0" applyNumberFormat="1" applyFont="1" applyAlignment="1">
      <alignment horizontal="right" vertical="center" wrapText="1" readingOrder="1"/>
    </xf>
    <xf numFmtId="0" fontId="8" fillId="0" borderId="0" xfId="0" applyFont="1" applyAlignment="1">
      <alignment horizontal="left" vertical="center" wrapText="1" readingOrder="1"/>
    </xf>
    <xf numFmtId="166" fontId="8" fillId="0" borderId="0" xfId="0" applyNumberFormat="1" applyFont="1" applyAlignment="1">
      <alignment horizontal="right" vertical="center" wrapText="1" readingOrder="1"/>
    </xf>
    <xf numFmtId="165" fontId="8" fillId="0" borderId="0" xfId="0" applyNumberFormat="1" applyFont="1" applyAlignment="1">
      <alignment horizontal="right" vertical="center" wrapText="1" readingOrder="1"/>
    </xf>
    <xf numFmtId="164" fontId="9" fillId="4" borderId="0" xfId="0" applyNumberFormat="1" applyFont="1" applyFill="1" applyAlignment="1">
      <alignment horizontal="left" vertical="center" wrapText="1" readingOrder="1"/>
    </xf>
    <xf numFmtId="165" fontId="8" fillId="4" borderId="0" xfId="0" applyNumberFormat="1" applyFont="1" applyFill="1" applyAlignment="1">
      <alignment horizontal="left" vertical="center" wrapText="1" readingOrder="1"/>
    </xf>
    <xf numFmtId="165" fontId="9" fillId="4" borderId="0" xfId="0" applyNumberFormat="1" applyFont="1" applyFill="1" applyAlignment="1">
      <alignment horizontal="left" vertical="center" wrapText="1" readingOrder="1"/>
    </xf>
    <xf numFmtId="164" fontId="7" fillId="0" borderId="3" xfId="0" applyNumberFormat="1" applyFont="1" applyBorder="1" applyAlignment="1">
      <alignment horizontal="left" vertical="center" wrapText="1" readingOrder="1"/>
    </xf>
    <xf numFmtId="164" fontId="7" fillId="0" borderId="5" xfId="0" applyNumberFormat="1" applyFont="1" applyBorder="1" applyAlignment="1">
      <alignment horizontal="left" vertical="center" wrapText="1" readingOrder="1"/>
    </xf>
    <xf numFmtId="164" fontId="7" fillId="0" borderId="3" xfId="0" applyNumberFormat="1" applyFont="1" applyBorder="1" applyAlignment="1">
      <alignment horizontal="center" vertical="center" wrapText="1" readingOrder="1"/>
    </xf>
    <xf numFmtId="164" fontId="7" fillId="0" borderId="5" xfId="0" applyNumberFormat="1" applyFont="1" applyBorder="1" applyAlignment="1">
      <alignment horizontal="center" vertical="center" wrapText="1" readingOrder="1"/>
    </xf>
    <xf numFmtId="164" fontId="7" fillId="0" borderId="4" xfId="0" applyNumberFormat="1" applyFont="1" applyBorder="1" applyAlignment="1">
      <alignment horizontal="center" vertical="center" wrapText="1" readingOrder="1"/>
    </xf>
    <xf numFmtId="164" fontId="7" fillId="0" borderId="4" xfId="0" applyNumberFormat="1" applyFont="1" applyBorder="1" applyAlignment="1">
      <alignment horizontal="right" vertical="center" wrapText="1" readingOrder="1"/>
    </xf>
    <xf numFmtId="168" fontId="8" fillId="0" borderId="0" xfId="0" applyNumberFormat="1" applyFont="1" applyAlignment="1">
      <alignment horizontal="right" vertical="center" wrapText="1" readingOrder="1"/>
    </xf>
    <xf numFmtId="0" fontId="7" fillId="3" borderId="0" xfId="0" applyFont="1" applyFill="1" applyAlignment="1">
      <alignment horizontal="left" vertical="center" wrapText="1" readingOrder="1"/>
    </xf>
    <xf numFmtId="168" fontId="7" fillId="3" borderId="0" xfId="0" applyNumberFormat="1" applyFont="1" applyFill="1" applyAlignment="1">
      <alignment horizontal="right" vertical="center" wrapText="1" readingOrder="1"/>
    </xf>
    <xf numFmtId="164" fontId="7" fillId="0" borderId="6" xfId="0" applyNumberFormat="1" applyFont="1" applyBorder="1" applyAlignment="1">
      <alignment horizontal="left" vertical="center" wrapText="1" readingOrder="1"/>
    </xf>
    <xf numFmtId="164" fontId="7" fillId="0" borderId="4" xfId="0" applyNumberFormat="1" applyFont="1" applyBorder="1" applyAlignment="1">
      <alignment horizontal="left" vertical="center" wrapText="1" readingOrder="1"/>
    </xf>
    <xf numFmtId="164" fontId="10" fillId="0" borderId="4" xfId="0" applyNumberFormat="1" applyFont="1" applyBorder="1" applyAlignment="1">
      <alignment horizontal="right" vertical="center" wrapText="1" readingOrder="1"/>
    </xf>
    <xf numFmtId="164" fontId="7" fillId="0" borderId="6" xfId="0" applyNumberFormat="1" applyFont="1" applyBorder="1" applyAlignment="1">
      <alignment horizontal="center" vertical="center" wrapText="1" readingOrder="1"/>
    </xf>
    <xf numFmtId="164" fontId="7" fillId="0" borderId="7" xfId="0" applyNumberFormat="1" applyFont="1" applyBorder="1" applyAlignment="1">
      <alignment horizontal="center" vertical="center" wrapText="1" readingOrder="1"/>
    </xf>
    <xf numFmtId="164" fontId="10" fillId="0" borderId="6" xfId="0" applyNumberFormat="1" applyFont="1" applyBorder="1" applyAlignment="1">
      <alignment horizontal="right" vertical="center" wrapText="1" readingOrder="1"/>
    </xf>
    <xf numFmtId="164" fontId="10" fillId="0" borderId="8" xfId="0" applyNumberFormat="1" applyFont="1" applyBorder="1" applyAlignment="1">
      <alignment horizontal="right" vertical="center" wrapText="1" readingOrder="1"/>
    </xf>
    <xf numFmtId="164" fontId="10" fillId="0" borderId="3" xfId="0" applyNumberFormat="1" applyFont="1" applyBorder="1" applyAlignment="1">
      <alignment horizontal="right" vertical="center" wrapText="1" readingOrder="1"/>
    </xf>
    <xf numFmtId="165" fontId="11" fillId="0" borderId="11" xfId="0" applyNumberFormat="1" applyFont="1" applyBorder="1" applyAlignment="1">
      <alignment horizontal="right" vertical="center" wrapText="1" readingOrder="1"/>
    </xf>
    <xf numFmtId="165" fontId="11" fillId="0" borderId="0" xfId="0" applyNumberFormat="1" applyFont="1" applyAlignment="1">
      <alignment horizontal="right" vertical="center" wrapText="1" readingOrder="1"/>
    </xf>
    <xf numFmtId="169" fontId="11" fillId="0" borderId="11" xfId="0" applyNumberFormat="1" applyFont="1" applyBorder="1" applyAlignment="1">
      <alignment horizontal="right" vertical="center" wrapText="1" readingOrder="1"/>
    </xf>
    <xf numFmtId="169" fontId="11" fillId="0" borderId="0" xfId="0" applyNumberFormat="1" applyFont="1" applyAlignment="1">
      <alignment horizontal="right" vertical="center" wrapText="1" readingOrder="1"/>
    </xf>
    <xf numFmtId="165" fontId="10" fillId="3" borderId="11" xfId="0" applyNumberFormat="1" applyFont="1" applyFill="1" applyBorder="1" applyAlignment="1">
      <alignment horizontal="right" vertical="center" wrapText="1" readingOrder="1"/>
    </xf>
    <xf numFmtId="165" fontId="10" fillId="3" borderId="0" xfId="0" applyNumberFormat="1" applyFont="1" applyFill="1" applyAlignment="1">
      <alignment horizontal="right" vertical="center" wrapText="1" readingOrder="1"/>
    </xf>
    <xf numFmtId="169" fontId="11" fillId="3" borderId="11" xfId="0" applyNumberFormat="1" applyFont="1" applyFill="1" applyBorder="1" applyAlignment="1">
      <alignment horizontal="right" vertical="center" wrapText="1" readingOrder="1"/>
    </xf>
    <xf numFmtId="169" fontId="11" fillId="3" borderId="0" xfId="0" applyNumberFormat="1" applyFont="1" applyFill="1" applyAlignment="1">
      <alignment horizontal="right" vertical="center" wrapText="1" readingOrder="1"/>
    </xf>
    <xf numFmtId="164" fontId="8" fillId="0" borderId="9" xfId="0" applyNumberFormat="1" applyFont="1" applyBorder="1" applyAlignment="1">
      <alignment horizontal="right" vertical="center" wrapText="1" readingOrder="1"/>
    </xf>
    <xf numFmtId="164" fontId="8" fillId="0" borderId="5" xfId="0" applyNumberFormat="1" applyFont="1" applyBorder="1" applyAlignment="1">
      <alignment horizontal="right" vertical="center" wrapText="1" readingOrder="1"/>
    </xf>
    <xf numFmtId="164" fontId="2" fillId="0" borderId="0" xfId="0" applyNumberFormat="1" applyFont="1" applyAlignment="1">
      <alignment horizontal="left" vertical="center" wrapText="1" readingOrder="1"/>
    </xf>
    <xf numFmtId="168" fontId="5" fillId="0" borderId="0" xfId="0" applyNumberFormat="1" applyFont="1" applyAlignment="1">
      <alignment horizontal="right" vertical="center" wrapText="1" readingOrder="1"/>
    </xf>
    <xf numFmtId="164" fontId="12" fillId="0" borderId="0" xfId="0" applyNumberFormat="1" applyFont="1" applyAlignment="1">
      <alignment horizontal="center" vertical="center" wrapText="1" readingOrder="1"/>
    </xf>
  </cellXfs>
  <cellStyles count="1">
    <cellStyle name="Normal" xfId="0" builtinId="0"/>
  </cellStyles>
  <dxfs count="0"/>
  <tableStyles count="0" defaultTableStyle="TableStyleMedium9" defaultPivotStyle="PivotStyleLight16"/>
  <colors>
    <mruColors>
      <color rgb="FFC6D9F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307</xdr:colOff>
      <xdr:row>0</xdr:row>
      <xdr:rowOff>0</xdr:rowOff>
    </xdr:from>
    <xdr:to>
      <xdr:col>1</xdr:col>
      <xdr:colOff>58876</xdr:colOff>
      <xdr:row>2</xdr:row>
      <xdr:rowOff>216000</xdr:rowOff>
    </xdr:to>
    <xdr:pic>
      <xdr:nvPicPr>
        <xdr:cNvPr id="1025" name="Picture 1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>
        <a:xfrm>
          <a:off x="0" y="0"/>
          <a:ext cx="18256" cy="10451"/>
        </a:xfrm>
        <a:prstGeom prst="rect">
          <a:avLst/>
        </a:prstGeom>
        <a:noFill/>
      </xdr:spPr>
    </xdr:pic>
    <xdr:clientData/>
  </xdr:twoCellAnchor>
  <xdr:twoCellAnchor>
    <xdr:from>
      <xdr:col>2</xdr:col>
      <xdr:colOff>944880</xdr:colOff>
      <xdr:row>10</xdr:row>
      <xdr:rowOff>236220</xdr:rowOff>
    </xdr:from>
    <xdr:to>
      <xdr:col>4</xdr:col>
      <xdr:colOff>76200</xdr:colOff>
      <xdr:row>15</xdr:row>
      <xdr:rowOff>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F7108C8B-CB23-48DA-A41A-FC2F7D85E252}"/>
            </a:ext>
          </a:extLst>
        </xdr:cNvPr>
        <xdr:cNvSpPr txBox="1"/>
      </xdr:nvSpPr>
      <xdr:spPr>
        <a:xfrm>
          <a:off x="2377440" y="2560320"/>
          <a:ext cx="1562100" cy="1127760"/>
        </a:xfrm>
        <a:prstGeom prst="wedgeRoundRectCallout">
          <a:avLst>
            <a:gd name="adj1" fmla="val -74366"/>
            <a:gd name="adj2" fmla="val 7680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Program Name, Service Subcategory and Payment Type</a:t>
          </a:r>
        </a:p>
      </xdr:txBody>
    </xdr:sp>
    <xdr:clientData/>
  </xdr:twoCellAnchor>
  <xdr:twoCellAnchor>
    <xdr:from>
      <xdr:col>5</xdr:col>
      <xdr:colOff>739140</xdr:colOff>
      <xdr:row>15</xdr:row>
      <xdr:rowOff>38100</xdr:rowOff>
    </xdr:from>
    <xdr:to>
      <xdr:col>5</xdr:col>
      <xdr:colOff>2171700</xdr:colOff>
      <xdr:row>17</xdr:row>
      <xdr:rowOff>22860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2D1BE796-438D-4DC1-A474-F71CB5D3348B}"/>
            </a:ext>
          </a:extLst>
        </xdr:cNvPr>
        <xdr:cNvSpPr txBox="1"/>
      </xdr:nvSpPr>
      <xdr:spPr>
        <a:xfrm>
          <a:off x="5882640" y="3726180"/>
          <a:ext cx="1432560" cy="647700"/>
        </a:xfrm>
        <a:prstGeom prst="wedgeRoundRectCallout">
          <a:avLst>
            <a:gd name="adj1" fmla="val -71530"/>
            <a:gd name="adj2" fmla="val 30653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Grid Dates for Reference</a:t>
          </a:r>
        </a:p>
      </xdr:txBody>
    </xdr:sp>
    <xdr:clientData/>
  </xdr:twoCellAnchor>
  <xdr:twoCellAnchor>
    <xdr:from>
      <xdr:col>2</xdr:col>
      <xdr:colOff>830580</xdr:colOff>
      <xdr:row>15</xdr:row>
      <xdr:rowOff>205740</xdr:rowOff>
    </xdr:from>
    <xdr:to>
      <xdr:col>2</xdr:col>
      <xdr:colOff>2263140</xdr:colOff>
      <xdr:row>18</xdr:row>
      <xdr:rowOff>53340</xdr:rowOff>
    </xdr:to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E1B71253-B507-4109-AC02-54273EC5972A}"/>
            </a:ext>
          </a:extLst>
        </xdr:cNvPr>
        <xdr:cNvSpPr txBox="1"/>
      </xdr:nvSpPr>
      <xdr:spPr>
        <a:xfrm>
          <a:off x="2263140" y="3893820"/>
          <a:ext cx="1432560" cy="647700"/>
        </a:xfrm>
        <a:prstGeom prst="wedgeRoundRectCallout">
          <a:avLst>
            <a:gd name="adj1" fmla="val -70998"/>
            <a:gd name="adj2" fmla="val -37582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Start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Date for this Payment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3</xdr:col>
      <xdr:colOff>22860</xdr:colOff>
      <xdr:row>17</xdr:row>
      <xdr:rowOff>274320</xdr:rowOff>
    </xdr:from>
    <xdr:to>
      <xdr:col>5</xdr:col>
      <xdr:colOff>53340</xdr:colOff>
      <xdr:row>20</xdr:row>
      <xdr:rowOff>15240</xdr:rowOff>
    </xdr:to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71D81052-6AA1-48B2-A57F-C7FB10F9450F}"/>
            </a:ext>
          </a:extLst>
        </xdr:cNvPr>
        <xdr:cNvSpPr txBox="1"/>
      </xdr:nvSpPr>
      <xdr:spPr>
        <a:xfrm>
          <a:off x="3764280" y="4419600"/>
          <a:ext cx="1432560" cy="647700"/>
        </a:xfrm>
        <a:prstGeom prst="wedgeRoundRectCallout">
          <a:avLst>
            <a:gd name="adj1" fmla="val -96529"/>
            <a:gd name="adj2" fmla="val 81241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urrent Rates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307</xdr:colOff>
      <xdr:row>0</xdr:row>
      <xdr:rowOff>0</xdr:rowOff>
    </xdr:from>
    <xdr:to>
      <xdr:col>1</xdr:col>
      <xdr:colOff>948493</xdr:colOff>
      <xdr:row>2</xdr:row>
      <xdr:rowOff>216036</xdr:rowOff>
    </xdr:to>
    <xdr:pic>
      <xdr:nvPicPr>
        <xdr:cNvPr id="1025" name="Picture 1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>
        <a:xfrm>
          <a:off x="0" y="0"/>
          <a:ext cx="18256" cy="10451"/>
        </a:xfrm>
        <a:prstGeom prst="rect">
          <a:avLst/>
        </a:prstGeom>
        <a:noFill/>
      </xdr:spPr>
    </xdr:pic>
    <xdr:clientData/>
  </xdr:twoCellAnchor>
  <xdr:twoCellAnchor>
    <xdr:from>
      <xdr:col>7</xdr:col>
      <xdr:colOff>7620</xdr:colOff>
      <xdr:row>13</xdr:row>
      <xdr:rowOff>53340</xdr:rowOff>
    </xdr:from>
    <xdr:to>
      <xdr:col>10</xdr:col>
      <xdr:colOff>83820</xdr:colOff>
      <xdr:row>16</xdr:row>
      <xdr:rowOff>16002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2D333461-11AC-4B70-B858-BC3D8A3BE77C}"/>
            </a:ext>
          </a:extLst>
        </xdr:cNvPr>
        <xdr:cNvSpPr txBox="1"/>
      </xdr:nvSpPr>
      <xdr:spPr>
        <a:xfrm>
          <a:off x="3108960" y="2910840"/>
          <a:ext cx="1165860" cy="640080"/>
        </a:xfrm>
        <a:prstGeom prst="wedgeRoundRectCallout">
          <a:avLst>
            <a:gd name="adj1" fmla="val -72061"/>
            <a:gd name="adj2" fmla="val -51700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New Hourly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Rate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7</xdr:col>
      <xdr:colOff>243840</xdr:colOff>
      <xdr:row>19</xdr:row>
      <xdr:rowOff>53340</xdr:rowOff>
    </xdr:from>
    <xdr:to>
      <xdr:col>12</xdr:col>
      <xdr:colOff>251460</xdr:colOff>
      <xdr:row>22</xdr:row>
      <xdr:rowOff>10668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4FA72C8E-E69E-498C-9B03-6EDF4CE762EC}"/>
            </a:ext>
          </a:extLst>
        </xdr:cNvPr>
        <xdr:cNvSpPr txBox="1"/>
      </xdr:nvSpPr>
      <xdr:spPr>
        <a:xfrm>
          <a:off x="3345180" y="4160520"/>
          <a:ext cx="1653540" cy="647700"/>
        </a:xfrm>
        <a:prstGeom prst="wedgeRoundRectCallout">
          <a:avLst>
            <a:gd name="adj1" fmla="val -32167"/>
            <a:gd name="adj2" fmla="val -91700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No Changes to Service Level Hours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307</xdr:colOff>
      <xdr:row>0</xdr:row>
      <xdr:rowOff>0</xdr:rowOff>
    </xdr:from>
    <xdr:to>
      <xdr:col>1</xdr:col>
      <xdr:colOff>935234</xdr:colOff>
      <xdr:row>2</xdr:row>
      <xdr:rowOff>216036</xdr:rowOff>
    </xdr:to>
    <xdr:pic>
      <xdr:nvPicPr>
        <xdr:cNvPr id="1025" name="Picture 1">
          <a:extLst>
            <a:ext uri="{FF2B5EF4-FFF2-40B4-BE49-F238E27FC236}">
              <a16:creationId xmlns:a16="http://schemas.microsoft.com/office/drawing/2014/main" id="{00000000-0008-0000-0200-0000010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>
        <a:xfrm>
          <a:off x="0" y="0"/>
          <a:ext cx="18256" cy="10451"/>
        </a:xfrm>
        <a:prstGeom prst="rect">
          <a:avLst/>
        </a:prstGeom>
        <a:noFill/>
      </xdr:spPr>
    </xdr:pic>
    <xdr:clientData/>
  </xdr:twoCellAnchor>
  <xdr:twoCellAnchor>
    <xdr:from>
      <xdr:col>5</xdr:col>
      <xdr:colOff>213360</xdr:colOff>
      <xdr:row>18</xdr:row>
      <xdr:rowOff>205740</xdr:rowOff>
    </xdr:from>
    <xdr:to>
      <xdr:col>7</xdr:col>
      <xdr:colOff>800100</xdr:colOff>
      <xdr:row>21</xdr:row>
      <xdr:rowOff>18288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A518364A-D135-4C94-A6BA-33BA0A5C3F43}"/>
            </a:ext>
          </a:extLst>
        </xdr:cNvPr>
        <xdr:cNvSpPr txBox="1"/>
      </xdr:nvSpPr>
      <xdr:spPr>
        <a:xfrm>
          <a:off x="4160520" y="3947160"/>
          <a:ext cx="1653540" cy="647700"/>
        </a:xfrm>
        <a:prstGeom prst="wedgeRoundRectCallout">
          <a:avLst>
            <a:gd name="adj1" fmla="val -43688"/>
            <a:gd name="adj2" fmla="val 73006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Increments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with $0 have no changes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5</xdr:col>
      <xdr:colOff>175260</xdr:colOff>
      <xdr:row>67</xdr:row>
      <xdr:rowOff>144780</xdr:rowOff>
    </xdr:from>
    <xdr:to>
      <xdr:col>7</xdr:col>
      <xdr:colOff>716280</xdr:colOff>
      <xdr:row>71</xdr:row>
      <xdr:rowOff>137160</xdr:rowOff>
    </xdr:to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465094AE-6C77-48DF-BCDF-E092CDC956B7}"/>
            </a:ext>
          </a:extLst>
        </xdr:cNvPr>
        <xdr:cNvSpPr txBox="1"/>
      </xdr:nvSpPr>
      <xdr:spPr>
        <a:xfrm>
          <a:off x="4122420" y="14249400"/>
          <a:ext cx="1607820" cy="845820"/>
        </a:xfrm>
        <a:prstGeom prst="wedgeRoundRectCallout">
          <a:avLst>
            <a:gd name="adj1" fmla="val -44162"/>
            <a:gd name="adj2" fmla="val 95528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Row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54 was adjusted, resulting in $25/month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3</xdr:col>
      <xdr:colOff>106680</xdr:colOff>
      <xdr:row>104</xdr:row>
      <xdr:rowOff>182880</xdr:rowOff>
    </xdr:from>
    <xdr:to>
      <xdr:col>5</xdr:col>
      <xdr:colOff>167640</xdr:colOff>
      <xdr:row>108</xdr:row>
      <xdr:rowOff>30480</xdr:rowOff>
    </xdr:to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3FADF6A5-0E08-49E0-BFBD-92AFF8B35DDD}"/>
            </a:ext>
          </a:extLst>
        </xdr:cNvPr>
        <xdr:cNvSpPr txBox="1"/>
      </xdr:nvSpPr>
      <xdr:spPr>
        <a:xfrm>
          <a:off x="2628900" y="22029420"/>
          <a:ext cx="1485900" cy="632460"/>
        </a:xfrm>
        <a:prstGeom prst="wedgeRoundRectCallout">
          <a:avLst>
            <a:gd name="adj1" fmla="val 33872"/>
            <a:gd name="adj2" fmla="val -71421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hange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in Monthly Funding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6</xdr:col>
      <xdr:colOff>502920</xdr:colOff>
      <xdr:row>104</xdr:row>
      <xdr:rowOff>190500</xdr:rowOff>
    </xdr:from>
    <xdr:to>
      <xdr:col>8</xdr:col>
      <xdr:colOff>327660</xdr:colOff>
      <xdr:row>108</xdr:row>
      <xdr:rowOff>38100</xdr:rowOff>
    </xdr:to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E464DF91-8C74-469F-BA14-EFEA7AF05DF4}"/>
            </a:ext>
          </a:extLst>
        </xdr:cNvPr>
        <xdr:cNvSpPr txBox="1"/>
      </xdr:nvSpPr>
      <xdr:spPr>
        <a:xfrm>
          <a:off x="4686300" y="22037040"/>
          <a:ext cx="1485900" cy="632460"/>
        </a:xfrm>
        <a:prstGeom prst="wedgeRoundRectCallout">
          <a:avLst>
            <a:gd name="adj1" fmla="val -35872"/>
            <a:gd name="adj2" fmla="val -75035"/>
            <a:gd name="adj3" fmla="val 16667"/>
          </a:avLst>
        </a:prstGeom>
        <a:solidFill>
          <a:srgbClr val="C6D9F1"/>
        </a:solidFill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indent="0" algn="ctr"/>
          <a:r>
            <a:rPr lang="en-CA" sz="14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Now Monthly</a:t>
          </a:r>
          <a:r>
            <a:rPr lang="en-CA" sz="1400" baseline="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Funding Total</a:t>
          </a:r>
          <a:endParaRPr lang="en-CA" sz="14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307</xdr:colOff>
      <xdr:row>0</xdr:row>
      <xdr:rowOff>0</xdr:rowOff>
    </xdr:from>
    <xdr:to>
      <xdr:col>2</xdr:col>
      <xdr:colOff>55693</xdr:colOff>
      <xdr:row>2</xdr:row>
      <xdr:rowOff>216036</xdr:rowOff>
    </xdr:to>
    <xdr:pic>
      <xdr:nvPicPr>
        <xdr:cNvPr id="1025" name="Picture 1">
          <a:extLst>
            <a:ext uri="{FF2B5EF4-FFF2-40B4-BE49-F238E27FC236}">
              <a16:creationId xmlns:a16="http://schemas.microsoft.com/office/drawing/2014/main" id="{00000000-0008-0000-0300-0000010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>
        <a:xfrm>
          <a:off x="0" y="0"/>
          <a:ext cx="18256" cy="10451"/>
        </a:xfrm>
        <a:prstGeom prst="rect">
          <a:avLst/>
        </a:prstGeom>
        <a:noFill/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307</xdr:colOff>
      <xdr:row>0</xdr:row>
      <xdr:rowOff>0</xdr:rowOff>
    </xdr:from>
    <xdr:to>
      <xdr:col>0</xdr:col>
      <xdr:colOff>1351693</xdr:colOff>
      <xdr:row>2</xdr:row>
      <xdr:rowOff>216000</xdr:rowOff>
    </xdr:to>
    <xdr:pic>
      <xdr:nvPicPr>
        <xdr:cNvPr id="1025" name="Picture 1">
          <a:extLst>
            <a:ext uri="{FF2B5EF4-FFF2-40B4-BE49-F238E27FC236}">
              <a16:creationId xmlns:a16="http://schemas.microsoft.com/office/drawing/2014/main" id="{00000000-0008-0000-0400-0000010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>
        <a:xfrm>
          <a:off x="0" y="0"/>
          <a:ext cx="18256" cy="10451"/>
        </a:xfrm>
        <a:prstGeom prst="rect">
          <a:avLst/>
        </a:prstGeom>
        <a:noFill/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27"/>
  <sheetViews>
    <sheetView showGridLines="0" tabSelected="1" workbookViewId="0">
      <pane ySplit="5" topLeftCell="A6" activePane="bottomLeft" state="frozenSplit"/>
      <selection pane="bottomLeft" sqref="A1:B3"/>
    </sheetView>
  </sheetViews>
  <sheetFormatPr defaultRowHeight="15" customHeight="1"/>
  <cols>
    <col min="1" max="1" width="19.453125" customWidth="1"/>
    <col min="2" max="2" width="1.453125" customWidth="1"/>
    <col min="3" max="3" width="33.6328125" customWidth="1"/>
    <col min="4" max="4" width="1.81640625" customWidth="1"/>
    <col min="5" max="5" width="18.6328125" customWidth="1"/>
    <col min="6" max="6" width="35" customWidth="1"/>
  </cols>
  <sheetData>
    <row r="1" spans="1:6" ht="18.899999999999999" customHeight="1">
      <c r="A1" s="57"/>
      <c r="B1" s="57"/>
      <c r="C1" s="1"/>
      <c r="D1" s="1"/>
      <c r="E1" s="1"/>
      <c r="F1" s="1"/>
    </row>
    <row r="2" spans="1:6" ht="23.5" customHeight="1">
      <c r="A2" s="57"/>
      <c r="B2" s="57"/>
      <c r="C2" s="1"/>
      <c r="D2" s="1"/>
      <c r="E2" s="58" t="s">
        <v>0</v>
      </c>
      <c r="F2" s="58"/>
    </row>
    <row r="3" spans="1:6" ht="17" customHeight="1">
      <c r="A3" s="57"/>
      <c r="B3" s="57"/>
      <c r="C3" s="1"/>
      <c r="D3" s="1"/>
      <c r="E3" s="1"/>
      <c r="F3" s="1"/>
    </row>
    <row r="4" spans="1:6" ht="5.4" customHeight="1">
      <c r="A4" s="1"/>
      <c r="B4" s="1"/>
      <c r="C4" s="1"/>
      <c r="D4" s="1"/>
      <c r="E4" s="1"/>
      <c r="F4" s="1"/>
    </row>
    <row r="5" spans="1:6" ht="17" customHeight="1">
      <c r="A5" s="59" t="s">
        <v>1</v>
      </c>
      <c r="B5" s="59"/>
      <c r="C5" s="59"/>
      <c r="D5" s="59"/>
      <c r="E5" s="59"/>
      <c r="F5" s="59"/>
    </row>
    <row r="6" spans="1:6" ht="30" customHeight="1">
      <c r="A6" s="2" t="s">
        <v>2</v>
      </c>
      <c r="B6" s="60" t="s">
        <v>1</v>
      </c>
      <c r="C6" s="60"/>
      <c r="D6" s="61" t="s">
        <v>1</v>
      </c>
      <c r="E6" s="61"/>
      <c r="F6" s="5" t="s">
        <v>1</v>
      </c>
    </row>
    <row r="7" spans="1:6" ht="18" customHeight="1">
      <c r="A7" s="6" t="s">
        <v>3</v>
      </c>
      <c r="B7" s="62" t="s">
        <v>4</v>
      </c>
      <c r="C7" s="62"/>
      <c r="D7" s="62"/>
      <c r="E7" s="62"/>
      <c r="F7" s="7" t="s">
        <v>1</v>
      </c>
    </row>
    <row r="8" spans="1:6" ht="18" customHeight="1">
      <c r="A8" s="6" t="s">
        <v>5</v>
      </c>
      <c r="B8" s="62" t="s">
        <v>6</v>
      </c>
      <c r="C8" s="62"/>
      <c r="D8" s="63" t="s">
        <v>7</v>
      </c>
      <c r="E8" s="63"/>
      <c r="F8" s="7" t="s">
        <v>8</v>
      </c>
    </row>
    <row r="9" spans="1:6" ht="18" customHeight="1">
      <c r="A9" s="6" t="s">
        <v>9</v>
      </c>
      <c r="B9" s="62" t="s">
        <v>10</v>
      </c>
      <c r="C9" s="62"/>
      <c r="D9" s="63" t="s">
        <v>11</v>
      </c>
      <c r="E9" s="63"/>
      <c r="F9" s="7" t="s">
        <v>12</v>
      </c>
    </row>
    <row r="10" spans="1:6" ht="18" customHeight="1">
      <c r="A10" s="6" t="s">
        <v>13</v>
      </c>
      <c r="B10" s="62" t="s">
        <v>14</v>
      </c>
      <c r="C10" s="62"/>
      <c r="D10" s="63" t="s">
        <v>1</v>
      </c>
      <c r="E10" s="63"/>
      <c r="F10" s="7" t="s">
        <v>1</v>
      </c>
    </row>
    <row r="11" spans="1:6" ht="30" customHeight="1">
      <c r="A11" s="2" t="s">
        <v>15</v>
      </c>
      <c r="B11" s="64" t="s">
        <v>1</v>
      </c>
      <c r="C11" s="64"/>
      <c r="D11" s="65" t="s">
        <v>1</v>
      </c>
      <c r="E11" s="65"/>
      <c r="F11" s="5" t="s">
        <v>1</v>
      </c>
    </row>
    <row r="12" spans="1:6" ht="17.899999999999999" customHeight="1">
      <c r="A12" s="6" t="s">
        <v>16</v>
      </c>
      <c r="B12" s="62" t="s">
        <v>17</v>
      </c>
      <c r="C12" s="62"/>
      <c r="D12" s="63" t="s">
        <v>1</v>
      </c>
      <c r="E12" s="63"/>
      <c r="F12" s="7" t="s">
        <v>1</v>
      </c>
    </row>
    <row r="13" spans="1:6" ht="18" customHeight="1">
      <c r="A13" s="6" t="s">
        <v>18</v>
      </c>
      <c r="B13" s="62" t="s">
        <v>19</v>
      </c>
      <c r="C13" s="62"/>
      <c r="D13" s="63" t="s">
        <v>20</v>
      </c>
      <c r="E13" s="63"/>
      <c r="F13" s="7" t="s">
        <v>21</v>
      </c>
    </row>
    <row r="14" spans="1:6" ht="24" customHeight="1">
      <c r="A14" s="6" t="s">
        <v>22</v>
      </c>
      <c r="B14" s="62" t="s">
        <v>23</v>
      </c>
      <c r="C14" s="62"/>
      <c r="D14" s="63" t="s">
        <v>11</v>
      </c>
      <c r="E14" s="63"/>
      <c r="F14" s="7" t="s">
        <v>24</v>
      </c>
    </row>
    <row r="15" spans="1:6" ht="18" customHeight="1">
      <c r="A15" s="1"/>
      <c r="B15" s="1"/>
      <c r="C15" s="1"/>
      <c r="D15" s="1"/>
      <c r="E15" s="1"/>
      <c r="F15" s="7" t="s">
        <v>1</v>
      </c>
    </row>
    <row r="16" spans="1:6" ht="18" customHeight="1">
      <c r="A16" s="6" t="s">
        <v>25</v>
      </c>
      <c r="B16" s="62" t="s">
        <v>26</v>
      </c>
      <c r="C16" s="62"/>
      <c r="D16" s="63" t="s">
        <v>27</v>
      </c>
      <c r="E16" s="63"/>
      <c r="F16" s="7"/>
    </row>
    <row r="17" spans="1:6" ht="18" customHeight="1">
      <c r="A17" s="6" t="s">
        <v>28</v>
      </c>
      <c r="B17" s="66">
        <v>0</v>
      </c>
      <c r="C17" s="66"/>
      <c r="D17" s="63" t="s">
        <v>29</v>
      </c>
      <c r="E17" s="63"/>
      <c r="F17" s="9">
        <v>0</v>
      </c>
    </row>
    <row r="18" spans="1:6" ht="27" customHeight="1">
      <c r="A18" s="6" t="s">
        <v>30</v>
      </c>
      <c r="B18" s="62">
        <v>0</v>
      </c>
      <c r="C18" s="62"/>
      <c r="D18" s="63" t="s">
        <v>31</v>
      </c>
      <c r="E18" s="63"/>
      <c r="F18" s="7" t="s">
        <v>26</v>
      </c>
    </row>
    <row r="19" spans="1:6" ht="14.4" customHeight="1">
      <c r="A19" s="6" t="s">
        <v>32</v>
      </c>
      <c r="B19" s="62" t="s">
        <v>17</v>
      </c>
      <c r="C19" s="62"/>
      <c r="D19" s="63" t="s">
        <v>1</v>
      </c>
      <c r="E19" s="63"/>
      <c r="F19" s="7" t="s">
        <v>1</v>
      </c>
    </row>
    <row r="20" spans="1:6" ht="30" customHeight="1">
      <c r="A20" s="2" t="s">
        <v>33</v>
      </c>
      <c r="B20" s="64" t="s">
        <v>1</v>
      </c>
      <c r="C20" s="64"/>
      <c r="D20" s="65" t="s">
        <v>1</v>
      </c>
      <c r="E20" s="65"/>
      <c r="F20" s="5" t="s">
        <v>1</v>
      </c>
    </row>
    <row r="21" spans="1:6" ht="18" customHeight="1">
      <c r="A21" s="6" t="s">
        <v>34</v>
      </c>
      <c r="B21" s="62" t="s">
        <v>35</v>
      </c>
      <c r="C21" s="62"/>
      <c r="D21" s="63" t="s">
        <v>36</v>
      </c>
      <c r="E21" s="63"/>
      <c r="F21" s="7" t="s">
        <v>37</v>
      </c>
    </row>
    <row r="22" spans="1:6" ht="18" customHeight="1">
      <c r="A22" s="6" t="s">
        <v>38</v>
      </c>
      <c r="B22" s="62" t="s">
        <v>39</v>
      </c>
      <c r="C22" s="62"/>
      <c r="D22" s="63" t="s">
        <v>40</v>
      </c>
      <c r="E22" s="63"/>
      <c r="F22" s="7" t="s">
        <v>41</v>
      </c>
    </row>
    <row r="23" spans="1:6" ht="18" customHeight="1">
      <c r="A23" s="6" t="s">
        <v>42</v>
      </c>
      <c r="B23" s="62" t="s">
        <v>43</v>
      </c>
      <c r="C23" s="62"/>
      <c r="D23" s="63" t="s">
        <v>44</v>
      </c>
      <c r="E23" s="63"/>
      <c r="F23" s="7" t="s">
        <v>45</v>
      </c>
    </row>
    <row r="24" spans="1:6" ht="30" customHeight="1">
      <c r="A24" s="2" t="s">
        <v>46</v>
      </c>
      <c r="B24" s="64" t="s">
        <v>1</v>
      </c>
      <c r="C24" s="64"/>
      <c r="D24" s="65" t="s">
        <v>1</v>
      </c>
      <c r="E24" s="65"/>
      <c r="F24" s="5" t="s">
        <v>1</v>
      </c>
    </row>
    <row r="25" spans="1:6" ht="30" customHeight="1">
      <c r="A25" s="10" t="s">
        <v>47</v>
      </c>
      <c r="B25" s="67" t="s">
        <v>1</v>
      </c>
      <c r="C25" s="67"/>
      <c r="D25" s="67"/>
      <c r="E25" s="67"/>
      <c r="F25" s="67"/>
    </row>
    <row r="26" spans="1:6" ht="30" customHeight="1">
      <c r="A26" s="10" t="s">
        <v>48</v>
      </c>
      <c r="B26" s="67" t="s">
        <v>1</v>
      </c>
      <c r="C26" s="67"/>
      <c r="D26" s="67"/>
      <c r="E26" s="67"/>
      <c r="F26" s="67"/>
    </row>
    <row r="27" spans="1:6" ht="42.9" customHeight="1">
      <c r="A27" s="1"/>
      <c r="B27" s="1"/>
      <c r="C27" s="1"/>
      <c r="D27" s="1"/>
      <c r="E27" s="1"/>
      <c r="F27" s="1"/>
    </row>
  </sheetData>
  <mergeCells count="40">
    <mergeCell ref="B26:F26"/>
    <mergeCell ref="B23:C23"/>
    <mergeCell ref="D23:E23"/>
    <mergeCell ref="B24:C24"/>
    <mergeCell ref="D24:E24"/>
    <mergeCell ref="B25:F25"/>
    <mergeCell ref="B20:C20"/>
    <mergeCell ref="D20:E20"/>
    <mergeCell ref="B21:C21"/>
    <mergeCell ref="D21:E21"/>
    <mergeCell ref="B22:C22"/>
    <mergeCell ref="D22:E22"/>
    <mergeCell ref="B17:C17"/>
    <mergeCell ref="D17:E17"/>
    <mergeCell ref="B18:C18"/>
    <mergeCell ref="D18:E18"/>
    <mergeCell ref="B19:C19"/>
    <mergeCell ref="D19:E19"/>
    <mergeCell ref="B13:C13"/>
    <mergeCell ref="D13:E13"/>
    <mergeCell ref="B14:C14"/>
    <mergeCell ref="D14:E14"/>
    <mergeCell ref="B16:C16"/>
    <mergeCell ref="D16:E16"/>
    <mergeCell ref="B10:C10"/>
    <mergeCell ref="D10:E10"/>
    <mergeCell ref="B11:C11"/>
    <mergeCell ref="D11:E11"/>
    <mergeCell ref="B12:C12"/>
    <mergeCell ref="D12:E12"/>
    <mergeCell ref="B7:E7"/>
    <mergeCell ref="B8:C8"/>
    <mergeCell ref="D8:E8"/>
    <mergeCell ref="B9:C9"/>
    <mergeCell ref="D9:E9"/>
    <mergeCell ref="A1:B3"/>
    <mergeCell ref="E2:F2"/>
    <mergeCell ref="A5:F5"/>
    <mergeCell ref="B6:C6"/>
    <mergeCell ref="D6:E6"/>
  </mergeCells>
  <pageMargins left="0.25" right="0.25" top="0.19685038924217224" bottom="0.19685038924217224" header="0" footer="0"/>
  <pageSetup orientation="portrait" r:id="rId1"/>
  <headerFooter>
    <oddFooter>&amp;R&amp;"Calibri"&amp;9 Page 1 of 1</oddFoot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S20"/>
  <sheetViews>
    <sheetView showGridLines="0" workbookViewId="0">
      <pane ySplit="5" topLeftCell="A6" activePane="bottomLeft" state="frozenSplit"/>
      <selection pane="bottomLeft" sqref="A1:B3"/>
    </sheetView>
  </sheetViews>
  <sheetFormatPr defaultRowHeight="15" customHeight="1"/>
  <cols>
    <col min="1" max="1" width="6" customWidth="1"/>
    <col min="2" max="2" width="14.81640625" customWidth="1"/>
    <col min="3" max="3" width="12.1796875" customWidth="1"/>
    <col min="4" max="4" width="1.54296875" customWidth="1"/>
    <col min="5" max="5" width="6.54296875" customWidth="1"/>
    <col min="6" max="6" width="1.54296875" customWidth="1"/>
    <col min="7" max="7" width="2.54296875" customWidth="1"/>
    <col min="8" max="8" width="7" customWidth="1"/>
    <col min="9" max="9" width="3.453125" customWidth="1"/>
    <col min="10" max="10" width="5.453125" customWidth="1"/>
    <col min="11" max="11" width="2.1796875" customWidth="1"/>
    <col min="12" max="12" width="5.90625" customWidth="1"/>
    <col min="13" max="13" width="5.1796875" customWidth="1"/>
    <col min="14" max="14" width="2.453125" customWidth="1"/>
    <col min="15" max="15" width="5" customWidth="1"/>
    <col min="16" max="16" width="7.90625" customWidth="1"/>
    <col min="17" max="17" width="11.08984375" customWidth="1"/>
    <col min="18" max="18" width="0.90625" customWidth="1"/>
    <col min="19" max="19" width="8.1796875" customWidth="1"/>
  </cols>
  <sheetData>
    <row r="1" spans="1:19" ht="18.899999999999999" customHeight="1">
      <c r="A1" s="68"/>
      <c r="B1" s="68"/>
      <c r="C1" s="11"/>
      <c r="D1" s="11"/>
      <c r="E1" s="11"/>
      <c r="F1" s="11"/>
      <c r="G1" s="11"/>
      <c r="H1" s="11"/>
      <c r="I1" s="11"/>
      <c r="J1" s="11"/>
      <c r="K1" s="11"/>
      <c r="L1" s="11"/>
      <c r="M1" s="11"/>
      <c r="N1" s="11"/>
      <c r="O1" s="11"/>
      <c r="P1" s="11"/>
      <c r="Q1" s="11"/>
      <c r="R1" s="11"/>
      <c r="S1" s="11"/>
    </row>
    <row r="2" spans="1:19" ht="23.5" customHeight="1">
      <c r="A2" s="57"/>
      <c r="B2" s="57"/>
      <c r="C2" s="1"/>
      <c r="D2" s="1"/>
      <c r="E2" s="1"/>
      <c r="F2" s="1"/>
      <c r="G2" s="1"/>
      <c r="H2" s="58" t="s">
        <v>49</v>
      </c>
      <c r="I2" s="58"/>
      <c r="J2" s="58"/>
      <c r="K2" s="58"/>
      <c r="L2" s="58"/>
      <c r="M2" s="58"/>
      <c r="N2" s="58"/>
      <c r="O2" s="58"/>
      <c r="P2" s="58"/>
      <c r="Q2" s="58"/>
      <c r="R2" s="58"/>
      <c r="S2" s="58"/>
    </row>
    <row r="3" spans="1:19" ht="17" customHeight="1">
      <c r="A3" s="57"/>
      <c r="B3" s="57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</row>
    <row r="4" spans="1:19" ht="5.25" customHeight="1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</row>
    <row r="5" spans="1:19" ht="17" customHeight="1">
      <c r="A5" s="59" t="s">
        <v>1</v>
      </c>
      <c r="B5" s="59"/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  <c r="P5" s="59"/>
      <c r="Q5" s="59"/>
      <c r="R5" s="59"/>
      <c r="S5" s="59"/>
    </row>
    <row r="6" spans="1:19" ht="14.4" customHeight="1">
      <c r="A6" s="69" t="s">
        <v>50</v>
      </c>
      <c r="B6" s="69"/>
      <c r="C6" s="69"/>
      <c r="D6" s="70" t="s">
        <v>1</v>
      </c>
      <c r="E6" s="70"/>
      <c r="F6" s="70" t="s">
        <v>1</v>
      </c>
      <c r="G6" s="70"/>
      <c r="H6" s="70"/>
      <c r="I6" s="70" t="s">
        <v>1</v>
      </c>
      <c r="J6" s="70"/>
      <c r="K6" s="70"/>
      <c r="L6" s="70" t="s">
        <v>1</v>
      </c>
      <c r="M6" s="70"/>
      <c r="N6" s="70" t="s">
        <v>1</v>
      </c>
      <c r="O6" s="70"/>
      <c r="P6" s="12" t="s">
        <v>1</v>
      </c>
      <c r="Q6" s="12" t="s">
        <v>1</v>
      </c>
      <c r="R6" s="70" t="s">
        <v>1</v>
      </c>
      <c r="S6" s="70"/>
    </row>
    <row r="7" spans="1:19" ht="39" customHeight="1">
      <c r="A7" s="13" t="s">
        <v>51</v>
      </c>
      <c r="B7" s="75" t="s">
        <v>52</v>
      </c>
      <c r="C7" s="75"/>
      <c r="D7" s="71" t="s">
        <v>53</v>
      </c>
      <c r="E7" s="71"/>
      <c r="F7" s="71" t="s">
        <v>54</v>
      </c>
      <c r="G7" s="71"/>
      <c r="H7" s="71"/>
      <c r="I7" s="71" t="s">
        <v>55</v>
      </c>
      <c r="J7" s="71"/>
      <c r="K7" s="71"/>
      <c r="L7" s="71" t="s">
        <v>56</v>
      </c>
      <c r="M7" s="71"/>
      <c r="N7" s="71" t="s">
        <v>57</v>
      </c>
      <c r="O7" s="71"/>
      <c r="P7" s="14" t="s">
        <v>58</v>
      </c>
      <c r="Q7" s="14" t="s">
        <v>59</v>
      </c>
      <c r="R7" s="71" t="s">
        <v>60</v>
      </c>
      <c r="S7" s="71"/>
    </row>
    <row r="8" spans="1:19" ht="14.4" customHeight="1">
      <c r="A8" s="15" t="s">
        <v>1</v>
      </c>
      <c r="B8" s="72" t="s">
        <v>1</v>
      </c>
      <c r="C8" s="72"/>
      <c r="D8" s="73" t="s">
        <v>1</v>
      </c>
      <c r="E8" s="73"/>
      <c r="F8" s="74" t="s">
        <v>1</v>
      </c>
      <c r="G8" s="74"/>
      <c r="H8" s="74"/>
      <c r="I8" s="74" t="s">
        <v>1</v>
      </c>
      <c r="J8" s="74"/>
      <c r="K8" s="74"/>
      <c r="L8" s="74" t="s">
        <v>1</v>
      </c>
      <c r="M8" s="74"/>
      <c r="N8" s="74" t="s">
        <v>1</v>
      </c>
      <c r="O8" s="74"/>
      <c r="P8" s="16" t="s">
        <v>1</v>
      </c>
      <c r="Q8" s="16" t="s">
        <v>1</v>
      </c>
      <c r="R8" s="74" t="s">
        <v>1</v>
      </c>
      <c r="S8" s="74"/>
    </row>
    <row r="9" spans="1:19" ht="14.4" customHeight="1">
      <c r="A9" s="78" t="s">
        <v>61</v>
      </c>
      <c r="B9" s="78"/>
      <c r="C9" s="78"/>
      <c r="D9" s="79" t="s">
        <v>1</v>
      </c>
      <c r="E9" s="79"/>
      <c r="F9" s="76">
        <v>20</v>
      </c>
      <c r="G9" s="76"/>
      <c r="H9" s="76"/>
      <c r="I9" s="77" t="s">
        <v>1</v>
      </c>
      <c r="J9" s="77"/>
      <c r="K9" s="77"/>
      <c r="L9" s="76">
        <v>20</v>
      </c>
      <c r="M9" s="76"/>
      <c r="N9" s="76">
        <v>0.5</v>
      </c>
      <c r="O9" s="76"/>
      <c r="P9" s="18" t="s">
        <v>1</v>
      </c>
      <c r="Q9" s="17">
        <v>19.080082000000001</v>
      </c>
      <c r="R9" s="77" t="s">
        <v>1</v>
      </c>
      <c r="S9" s="77"/>
    </row>
    <row r="10" spans="1:19" ht="14.4" customHeight="1">
      <c r="A10" s="78" t="s">
        <v>62</v>
      </c>
      <c r="B10" s="78"/>
      <c r="C10" s="78"/>
      <c r="D10" s="79" t="s">
        <v>1</v>
      </c>
      <c r="E10" s="79"/>
      <c r="F10" s="76">
        <v>1043.57142857143</v>
      </c>
      <c r="G10" s="76"/>
      <c r="H10" s="76"/>
      <c r="I10" s="77" t="s">
        <v>1</v>
      </c>
      <c r="J10" s="77"/>
      <c r="K10" s="77"/>
      <c r="L10" s="76">
        <v>1043.571428</v>
      </c>
      <c r="M10" s="76"/>
      <c r="N10" s="77" t="s">
        <v>1</v>
      </c>
      <c r="O10" s="77"/>
      <c r="P10" s="18" t="s">
        <v>1</v>
      </c>
      <c r="Q10" s="17">
        <v>995.57142799999997</v>
      </c>
      <c r="R10" s="77" t="s">
        <v>1</v>
      </c>
      <c r="S10" s="77"/>
    </row>
    <row r="11" spans="1:19" ht="14.4" customHeight="1">
      <c r="A11" s="15" t="s">
        <v>1</v>
      </c>
      <c r="B11" s="72" t="s">
        <v>1</v>
      </c>
      <c r="C11" s="72"/>
      <c r="D11" s="72" t="s">
        <v>1</v>
      </c>
      <c r="E11" s="72"/>
      <c r="F11" s="80" t="s">
        <v>1</v>
      </c>
      <c r="G11" s="80"/>
      <c r="H11" s="80"/>
      <c r="I11" s="80" t="s">
        <v>1</v>
      </c>
      <c r="J11" s="80"/>
      <c r="K11" s="80"/>
      <c r="L11" s="80" t="s">
        <v>1</v>
      </c>
      <c r="M11" s="80"/>
      <c r="N11" s="80" t="s">
        <v>1</v>
      </c>
      <c r="O11" s="80"/>
      <c r="P11" s="19" t="s">
        <v>1</v>
      </c>
      <c r="Q11" s="19" t="s">
        <v>1</v>
      </c>
      <c r="R11" s="80" t="s">
        <v>1</v>
      </c>
      <c r="S11" s="80"/>
    </row>
    <row r="12" spans="1:19" ht="17" customHeight="1">
      <c r="A12" s="15">
        <v>1</v>
      </c>
      <c r="B12" s="81" t="s">
        <v>63</v>
      </c>
      <c r="C12" s="81"/>
      <c r="D12" s="82">
        <v>25.405000000000001</v>
      </c>
      <c r="E12" s="82"/>
      <c r="F12" s="83">
        <v>10</v>
      </c>
      <c r="G12" s="83"/>
      <c r="H12" s="83"/>
      <c r="I12" s="83">
        <v>0</v>
      </c>
      <c r="J12" s="83"/>
      <c r="K12" s="83"/>
      <c r="L12" s="83">
        <v>10</v>
      </c>
      <c r="M12" s="83"/>
      <c r="N12" s="83">
        <v>0.25</v>
      </c>
      <c r="O12" s="83"/>
      <c r="P12" s="21">
        <v>1</v>
      </c>
      <c r="Q12" s="20">
        <v>9.5400410000000004</v>
      </c>
      <c r="R12" s="72" t="s">
        <v>64</v>
      </c>
      <c r="S12" s="72"/>
    </row>
    <row r="13" spans="1:19" ht="17" customHeight="1">
      <c r="A13" s="15">
        <v>2</v>
      </c>
      <c r="B13" s="81" t="s">
        <v>63</v>
      </c>
      <c r="C13" s="81"/>
      <c r="D13" s="82">
        <v>25.405000000000001</v>
      </c>
      <c r="E13" s="82"/>
      <c r="F13" s="83">
        <v>10</v>
      </c>
      <c r="G13" s="83"/>
      <c r="H13" s="83"/>
      <c r="I13" s="83">
        <v>0</v>
      </c>
      <c r="J13" s="83"/>
      <c r="K13" s="83"/>
      <c r="L13" s="83">
        <v>10</v>
      </c>
      <c r="M13" s="83"/>
      <c r="N13" s="83">
        <v>0.25</v>
      </c>
      <c r="O13" s="83"/>
      <c r="P13" s="21">
        <v>1</v>
      </c>
      <c r="Q13" s="20">
        <v>9.5400410000000004</v>
      </c>
      <c r="R13" s="72" t="s">
        <v>64</v>
      </c>
      <c r="S13" s="72"/>
    </row>
    <row r="14" spans="1:19" ht="17" customHeight="1">
      <c r="A14" s="15" t="s">
        <v>1</v>
      </c>
      <c r="B14" s="72" t="s">
        <v>1</v>
      </c>
      <c r="C14" s="72"/>
      <c r="D14" s="72" t="s">
        <v>1</v>
      </c>
      <c r="E14" s="72"/>
      <c r="F14" s="80" t="s">
        <v>1</v>
      </c>
      <c r="G14" s="80"/>
      <c r="H14" s="80"/>
      <c r="I14" s="80" t="s">
        <v>1</v>
      </c>
      <c r="J14" s="80"/>
      <c r="K14" s="80"/>
      <c r="L14" s="80" t="s">
        <v>1</v>
      </c>
      <c r="M14" s="80"/>
      <c r="N14" s="80" t="s">
        <v>1</v>
      </c>
      <c r="O14" s="80"/>
      <c r="P14" s="19" t="s">
        <v>1</v>
      </c>
      <c r="Q14" s="19" t="s">
        <v>1</v>
      </c>
      <c r="R14" s="80" t="s">
        <v>1</v>
      </c>
      <c r="S14" s="80"/>
    </row>
    <row r="15" spans="1:19" ht="11" customHeight="1">
      <c r="A15" s="1"/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</row>
    <row r="16" spans="1:19" ht="14.4" customHeight="1">
      <c r="A16" s="69" t="s">
        <v>65</v>
      </c>
      <c r="B16" s="69"/>
      <c r="C16" s="69"/>
      <c r="D16" s="69"/>
      <c r="E16" s="70" t="s">
        <v>1</v>
      </c>
      <c r="F16" s="70"/>
      <c r="G16" s="70" t="s">
        <v>1</v>
      </c>
      <c r="H16" s="70"/>
      <c r="I16" s="70"/>
      <c r="J16" s="12" t="s">
        <v>1</v>
      </c>
      <c r="K16" s="70" t="s">
        <v>1</v>
      </c>
      <c r="L16" s="70"/>
      <c r="M16" s="70" t="s">
        <v>1</v>
      </c>
      <c r="N16" s="70"/>
      <c r="O16" s="70" t="s">
        <v>1</v>
      </c>
      <c r="P16" s="70"/>
      <c r="Q16" s="70"/>
      <c r="R16" s="70"/>
      <c r="S16" s="12" t="s">
        <v>1</v>
      </c>
    </row>
    <row r="17" spans="1:19" ht="14.4" customHeight="1">
      <c r="A17" s="15" t="s">
        <v>1</v>
      </c>
      <c r="B17" s="72" t="s">
        <v>1</v>
      </c>
      <c r="C17" s="72"/>
      <c r="D17" s="72"/>
      <c r="E17" s="73" t="s">
        <v>1</v>
      </c>
      <c r="F17" s="73"/>
      <c r="G17" s="74" t="s">
        <v>1</v>
      </c>
      <c r="H17" s="74"/>
      <c r="I17" s="74"/>
      <c r="J17" s="16" t="s">
        <v>1</v>
      </c>
      <c r="K17" s="74" t="s">
        <v>1</v>
      </c>
      <c r="L17" s="74"/>
      <c r="M17" s="74" t="s">
        <v>1</v>
      </c>
      <c r="N17" s="74"/>
      <c r="O17" s="74" t="s">
        <v>1</v>
      </c>
      <c r="P17" s="74"/>
      <c r="Q17" s="74"/>
      <c r="R17" s="74"/>
      <c r="S17" s="16" t="s">
        <v>1</v>
      </c>
    </row>
    <row r="18" spans="1:19" ht="27.9" customHeight="1">
      <c r="A18" s="84" t="s">
        <v>66</v>
      </c>
      <c r="B18" s="84"/>
      <c r="C18" s="84"/>
      <c r="D18" s="84"/>
      <c r="E18" s="85">
        <v>20</v>
      </c>
      <c r="F18" s="85"/>
      <c r="G18" s="86" t="s">
        <v>67</v>
      </c>
      <c r="H18" s="86"/>
      <c r="I18" s="86"/>
      <c r="J18" s="86"/>
      <c r="K18" s="85">
        <v>0</v>
      </c>
      <c r="L18" s="85"/>
      <c r="M18" s="86" t="s">
        <v>68</v>
      </c>
      <c r="N18" s="86"/>
      <c r="O18" s="86"/>
      <c r="P18" s="86"/>
      <c r="Q18" s="86"/>
      <c r="R18" s="86"/>
      <c r="S18" s="22">
        <v>20</v>
      </c>
    </row>
    <row r="19" spans="1:19" ht="14.4" customHeight="1">
      <c r="A19" s="15" t="s">
        <v>1</v>
      </c>
      <c r="B19" s="72" t="s">
        <v>1</v>
      </c>
      <c r="C19" s="72"/>
      <c r="D19" s="72"/>
      <c r="E19" s="72" t="s">
        <v>1</v>
      </c>
      <c r="F19" s="72"/>
      <c r="G19" s="80" t="s">
        <v>1</v>
      </c>
      <c r="H19" s="80"/>
      <c r="I19" s="80"/>
      <c r="J19" s="19" t="s">
        <v>1</v>
      </c>
      <c r="K19" s="80" t="s">
        <v>1</v>
      </c>
      <c r="L19" s="80"/>
      <c r="M19" s="80" t="s">
        <v>1</v>
      </c>
      <c r="N19" s="80"/>
      <c r="O19" s="80" t="s">
        <v>1</v>
      </c>
      <c r="P19" s="80"/>
      <c r="Q19" s="80"/>
      <c r="R19" s="80"/>
      <c r="S19" s="19" t="s">
        <v>1</v>
      </c>
    </row>
    <row r="20" spans="1:19" ht="17" customHeight="1">
      <c r="A20" s="15" t="s">
        <v>1</v>
      </c>
      <c r="B20" s="72" t="s">
        <v>1</v>
      </c>
      <c r="C20" s="72"/>
      <c r="D20" s="72"/>
      <c r="E20" s="72" t="s">
        <v>1</v>
      </c>
      <c r="F20" s="72"/>
      <c r="G20" s="80" t="s">
        <v>1</v>
      </c>
      <c r="H20" s="80"/>
      <c r="I20" s="80"/>
      <c r="J20" s="19" t="s">
        <v>1</v>
      </c>
      <c r="K20" s="80" t="s">
        <v>1</v>
      </c>
      <c r="L20" s="80"/>
      <c r="M20" s="80" t="s">
        <v>1</v>
      </c>
      <c r="N20" s="80"/>
      <c r="O20" s="80" t="s">
        <v>1</v>
      </c>
      <c r="P20" s="80"/>
      <c r="Q20" s="80"/>
      <c r="R20" s="80"/>
      <c r="S20" s="19" t="s">
        <v>1</v>
      </c>
    </row>
  </sheetData>
  <mergeCells count="95">
    <mergeCell ref="O19:R19"/>
    <mergeCell ref="B20:D20"/>
    <mergeCell ref="E20:F20"/>
    <mergeCell ref="G20:I20"/>
    <mergeCell ref="K20:L20"/>
    <mergeCell ref="M20:N20"/>
    <mergeCell ref="O20:R20"/>
    <mergeCell ref="B19:D19"/>
    <mergeCell ref="E19:F19"/>
    <mergeCell ref="G19:I19"/>
    <mergeCell ref="K19:L19"/>
    <mergeCell ref="M19:N19"/>
    <mergeCell ref="A18:D18"/>
    <mergeCell ref="E18:F18"/>
    <mergeCell ref="G18:J18"/>
    <mergeCell ref="K18:L18"/>
    <mergeCell ref="M18:R18"/>
    <mergeCell ref="O16:R16"/>
    <mergeCell ref="B17:D17"/>
    <mergeCell ref="E17:F17"/>
    <mergeCell ref="G17:I17"/>
    <mergeCell ref="K17:L17"/>
    <mergeCell ref="M17:N17"/>
    <mergeCell ref="O17:R17"/>
    <mergeCell ref="A16:D16"/>
    <mergeCell ref="E16:F16"/>
    <mergeCell ref="G16:I16"/>
    <mergeCell ref="K16:L16"/>
    <mergeCell ref="M16:N16"/>
    <mergeCell ref="N13:O13"/>
    <mergeCell ref="R13:S13"/>
    <mergeCell ref="B14:C14"/>
    <mergeCell ref="D14:E14"/>
    <mergeCell ref="F14:H14"/>
    <mergeCell ref="I14:K14"/>
    <mergeCell ref="L14:M14"/>
    <mergeCell ref="N14:O14"/>
    <mergeCell ref="R14:S14"/>
    <mergeCell ref="B13:C13"/>
    <mergeCell ref="D13:E13"/>
    <mergeCell ref="F13:H13"/>
    <mergeCell ref="I13:K13"/>
    <mergeCell ref="L13:M13"/>
    <mergeCell ref="N11:O11"/>
    <mergeCell ref="R11:S11"/>
    <mergeCell ref="B12:C12"/>
    <mergeCell ref="D12:E12"/>
    <mergeCell ref="F12:H12"/>
    <mergeCell ref="I12:K12"/>
    <mergeCell ref="L12:M12"/>
    <mergeCell ref="N12:O12"/>
    <mergeCell ref="R12:S12"/>
    <mergeCell ref="B11:C11"/>
    <mergeCell ref="D11:E11"/>
    <mergeCell ref="F11:H11"/>
    <mergeCell ref="I11:K11"/>
    <mergeCell ref="L11:M11"/>
    <mergeCell ref="N9:O9"/>
    <mergeCell ref="R9:S9"/>
    <mergeCell ref="A10:C10"/>
    <mergeCell ref="D10:E10"/>
    <mergeCell ref="F10:H10"/>
    <mergeCell ref="I10:K10"/>
    <mergeCell ref="L10:M10"/>
    <mergeCell ref="N10:O10"/>
    <mergeCell ref="R10:S10"/>
    <mergeCell ref="A9:C9"/>
    <mergeCell ref="D9:E9"/>
    <mergeCell ref="F9:H9"/>
    <mergeCell ref="I9:K9"/>
    <mergeCell ref="L9:M9"/>
    <mergeCell ref="N7:O7"/>
    <mergeCell ref="R7:S7"/>
    <mergeCell ref="B8:C8"/>
    <mergeCell ref="D8:E8"/>
    <mergeCell ref="F8:H8"/>
    <mergeCell ref="I8:K8"/>
    <mergeCell ref="L8:M8"/>
    <mergeCell ref="N8:O8"/>
    <mergeCell ref="R8:S8"/>
    <mergeCell ref="B7:C7"/>
    <mergeCell ref="D7:E7"/>
    <mergeCell ref="F7:H7"/>
    <mergeCell ref="I7:K7"/>
    <mergeCell ref="L7:M7"/>
    <mergeCell ref="H2:S2"/>
    <mergeCell ref="A1:B3"/>
    <mergeCell ref="A5:S5"/>
    <mergeCell ref="A6:C6"/>
    <mergeCell ref="D6:E6"/>
    <mergeCell ref="F6:H6"/>
    <mergeCell ref="I6:K6"/>
    <mergeCell ref="L6:M6"/>
    <mergeCell ref="N6:O6"/>
    <mergeCell ref="R6:S6"/>
  </mergeCells>
  <pageMargins left="0.25" right="0.25" top="0.19685038924217224" bottom="0.19685038924217224" header="0" footer="0"/>
  <pageSetup orientation="portrait"/>
  <headerFooter>
    <oddFooter>&amp;R&amp;"Calibri"&amp;9 Page 1 of 1</oddFooter>
  </headerFooter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J105"/>
  <sheetViews>
    <sheetView showGridLines="0" workbookViewId="0">
      <pane ySplit="5" topLeftCell="A93" activePane="bottomLeft" state="frozenSplit"/>
      <selection pane="bottomLeft" sqref="A1:B3"/>
    </sheetView>
  </sheetViews>
  <sheetFormatPr defaultRowHeight="15" customHeight="1"/>
  <cols>
    <col min="1" max="1" width="6.1796875" customWidth="1"/>
    <col min="2" max="2" width="14.54296875" customWidth="1"/>
    <col min="3" max="3" width="16" customWidth="1"/>
    <col min="4" max="4" width="12.08984375" customWidth="1"/>
    <col min="5" max="5" width="8.6328125" customWidth="1"/>
    <col min="6" max="6" width="3.453125" customWidth="1"/>
    <col min="7" max="9" width="12.08984375" customWidth="1"/>
    <col min="10" max="10" width="12.1796875" customWidth="1"/>
  </cols>
  <sheetData>
    <row r="1" spans="1:10" ht="18.899999999999999" customHeight="1">
      <c r="A1" s="68"/>
      <c r="B1" s="68"/>
      <c r="C1" s="11"/>
      <c r="D1" s="11"/>
      <c r="E1" s="11"/>
      <c r="F1" s="11"/>
      <c r="G1" s="11"/>
      <c r="H1" s="11"/>
      <c r="I1" s="11"/>
      <c r="J1" s="11"/>
    </row>
    <row r="2" spans="1:10" ht="23.5" customHeight="1">
      <c r="A2" s="57"/>
      <c r="B2" s="57"/>
      <c r="C2" s="1"/>
      <c r="D2" s="1"/>
      <c r="E2" s="1"/>
      <c r="F2" s="58" t="s">
        <v>69</v>
      </c>
      <c r="G2" s="58"/>
      <c r="H2" s="58"/>
      <c r="I2" s="58"/>
      <c r="J2" s="58"/>
    </row>
    <row r="3" spans="1:10" ht="17" customHeight="1">
      <c r="A3" s="57"/>
      <c r="B3" s="57"/>
      <c r="C3" s="1"/>
      <c r="D3" s="1"/>
      <c r="E3" s="1"/>
      <c r="F3" s="1"/>
      <c r="G3" s="1"/>
      <c r="H3" s="1"/>
      <c r="I3" s="1"/>
      <c r="J3" s="1"/>
    </row>
    <row r="4" spans="1:10" ht="5.4" customHeight="1">
      <c r="A4" s="1"/>
      <c r="B4" s="1"/>
      <c r="C4" s="1"/>
      <c r="D4" s="1"/>
      <c r="E4" s="1"/>
      <c r="F4" s="1"/>
      <c r="G4" s="1"/>
      <c r="H4" s="1"/>
      <c r="I4" s="1"/>
      <c r="J4" s="1"/>
    </row>
    <row r="5" spans="1:10" ht="17" customHeight="1">
      <c r="A5" s="59" t="s">
        <v>70</v>
      </c>
      <c r="B5" s="59"/>
      <c r="C5" s="59"/>
      <c r="D5" s="59"/>
      <c r="E5" s="59"/>
      <c r="F5" s="59"/>
      <c r="G5" s="59"/>
      <c r="H5" s="59"/>
      <c r="I5" s="59"/>
      <c r="J5" s="59"/>
    </row>
    <row r="6" spans="1:10" ht="14.4" customHeight="1">
      <c r="A6" s="87" t="s">
        <v>71</v>
      </c>
      <c r="B6" s="89" t="s">
        <v>72</v>
      </c>
      <c r="C6" s="89"/>
      <c r="D6" s="91" t="s">
        <v>73</v>
      </c>
      <c r="E6" s="91"/>
      <c r="F6" s="91"/>
      <c r="G6" s="91"/>
      <c r="H6" s="91" t="s">
        <v>74</v>
      </c>
      <c r="I6" s="91"/>
      <c r="J6" s="23" t="s">
        <v>1</v>
      </c>
    </row>
    <row r="7" spans="1:10" ht="14.4" customHeight="1">
      <c r="A7" s="88"/>
      <c r="B7" s="90"/>
      <c r="C7" s="90"/>
      <c r="D7" s="23" t="s">
        <v>75</v>
      </c>
      <c r="E7" s="92" t="s">
        <v>76</v>
      </c>
      <c r="F7" s="92"/>
      <c r="G7" s="23" t="s">
        <v>77</v>
      </c>
      <c r="H7" s="23" t="s">
        <v>75</v>
      </c>
      <c r="I7" s="23" t="s">
        <v>77</v>
      </c>
      <c r="J7" s="23" t="s">
        <v>78</v>
      </c>
    </row>
    <row r="8" spans="1:10" ht="17" customHeight="1">
      <c r="A8" s="24" t="s">
        <v>79</v>
      </c>
      <c r="B8" s="81" t="s">
        <v>80</v>
      </c>
      <c r="C8" s="81"/>
      <c r="D8" s="25">
        <v>2138.594016</v>
      </c>
      <c r="E8" s="93">
        <v>83.547764000000001</v>
      </c>
      <c r="F8" s="93"/>
      <c r="G8" s="25">
        <v>2222.1417799999999</v>
      </c>
      <c r="H8" s="25">
        <v>25663.200000000001</v>
      </c>
      <c r="I8" s="25">
        <v>26665.68</v>
      </c>
      <c r="J8" s="26">
        <v>0.51149999999999995</v>
      </c>
    </row>
    <row r="9" spans="1:10" ht="17" customHeight="1">
      <c r="A9" s="24" t="s">
        <v>81</v>
      </c>
      <c r="B9" s="81" t="s">
        <v>82</v>
      </c>
      <c r="C9" s="81"/>
      <c r="D9" s="25">
        <v>350.05759399999999</v>
      </c>
      <c r="E9" s="93">
        <v>38.931063999999999</v>
      </c>
      <c r="F9" s="93"/>
      <c r="G9" s="25">
        <v>388.98865799999999</v>
      </c>
      <c r="H9" s="25">
        <v>4200.72</v>
      </c>
      <c r="I9" s="25">
        <v>4667.76</v>
      </c>
      <c r="J9" s="26">
        <v>8.9499999999999996E-2</v>
      </c>
    </row>
    <row r="10" spans="1:10" ht="17" customHeight="1">
      <c r="A10" s="24" t="s">
        <v>83</v>
      </c>
      <c r="B10" s="81" t="s">
        <v>84</v>
      </c>
      <c r="C10" s="81"/>
      <c r="D10" s="25">
        <v>261.87840399999999</v>
      </c>
      <c r="E10" s="93">
        <v>21.459458000000001</v>
      </c>
      <c r="F10" s="93"/>
      <c r="G10" s="25">
        <v>283.33786199999997</v>
      </c>
      <c r="H10" s="25">
        <v>3142.56</v>
      </c>
      <c r="I10" s="25">
        <v>3400.08</v>
      </c>
      <c r="J10" s="26">
        <v>6.5199999999999994E-2</v>
      </c>
    </row>
    <row r="11" spans="1:10" ht="17" customHeight="1">
      <c r="A11" s="24" t="s">
        <v>85</v>
      </c>
      <c r="B11" s="81" t="s">
        <v>86</v>
      </c>
      <c r="C11" s="81"/>
      <c r="D11" s="25">
        <v>70.665602000000007</v>
      </c>
      <c r="E11" s="93">
        <v>4.9055559999999998</v>
      </c>
      <c r="F11" s="93"/>
      <c r="G11" s="25">
        <v>75.571157999999997</v>
      </c>
      <c r="H11" s="25">
        <v>847.92</v>
      </c>
      <c r="I11" s="25">
        <v>906.96</v>
      </c>
      <c r="J11" s="26">
        <v>1.7399999999999999E-2</v>
      </c>
    </row>
    <row r="12" spans="1:10" ht="17" customHeight="1">
      <c r="A12" s="24" t="s">
        <v>87</v>
      </c>
      <c r="B12" s="81" t="s">
        <v>88</v>
      </c>
      <c r="C12" s="81"/>
      <c r="D12" s="25">
        <v>330.965642</v>
      </c>
      <c r="E12" s="93">
        <v>10.615064</v>
      </c>
      <c r="F12" s="93"/>
      <c r="G12" s="25">
        <v>341.58070600000002</v>
      </c>
      <c r="H12" s="25">
        <v>3971.52</v>
      </c>
      <c r="I12" s="25">
        <v>4098.96</v>
      </c>
      <c r="J12" s="26">
        <v>7.8600000000000003E-2</v>
      </c>
    </row>
    <row r="13" spans="1:10" ht="17" customHeight="1">
      <c r="A13" s="24" t="s">
        <v>89</v>
      </c>
      <c r="B13" s="81" t="s">
        <v>90</v>
      </c>
      <c r="C13" s="81"/>
      <c r="D13" s="25">
        <v>36.207642</v>
      </c>
      <c r="E13" s="93">
        <v>3.9280900000000001</v>
      </c>
      <c r="F13" s="93"/>
      <c r="G13" s="25">
        <v>40.135731999999997</v>
      </c>
      <c r="H13" s="25">
        <v>434.4</v>
      </c>
      <c r="I13" s="25">
        <v>481.68</v>
      </c>
      <c r="J13" s="26">
        <v>9.1999999999999998E-3</v>
      </c>
    </row>
    <row r="14" spans="1:10" ht="17" customHeight="1">
      <c r="A14" s="24" t="s">
        <v>91</v>
      </c>
      <c r="B14" s="81" t="s">
        <v>92</v>
      </c>
      <c r="C14" s="81"/>
      <c r="D14" s="25">
        <v>41.70167</v>
      </c>
      <c r="E14" s="93">
        <v>3.122258</v>
      </c>
      <c r="F14" s="93"/>
      <c r="G14" s="25">
        <v>44.823928000000002</v>
      </c>
      <c r="H14" s="25">
        <v>500.4</v>
      </c>
      <c r="I14" s="25">
        <v>537.84</v>
      </c>
      <c r="J14" s="26">
        <v>1.03E-2</v>
      </c>
    </row>
    <row r="15" spans="1:10" ht="17" customHeight="1">
      <c r="A15" s="24" t="s">
        <v>93</v>
      </c>
      <c r="B15" s="81" t="s">
        <v>94</v>
      </c>
      <c r="C15" s="81"/>
      <c r="D15" s="25">
        <v>352.20535699999999</v>
      </c>
      <c r="E15" s="93">
        <v>12.392410999999999</v>
      </c>
      <c r="F15" s="93"/>
      <c r="G15" s="25">
        <v>364.59776799999997</v>
      </c>
      <c r="H15" s="25">
        <v>4226.5200000000004</v>
      </c>
      <c r="I15" s="25">
        <v>4375.2</v>
      </c>
      <c r="J15" s="26">
        <v>8.3900000000000002E-2</v>
      </c>
    </row>
    <row r="16" spans="1:10" ht="17" customHeight="1">
      <c r="A16" s="24" t="s">
        <v>95</v>
      </c>
      <c r="B16" s="81" t="s">
        <v>96</v>
      </c>
      <c r="C16" s="81"/>
      <c r="D16" s="25">
        <v>57.832120000000003</v>
      </c>
      <c r="E16" s="93">
        <v>6.1912479999999999</v>
      </c>
      <c r="F16" s="93"/>
      <c r="G16" s="25">
        <v>64.023368000000005</v>
      </c>
      <c r="H16" s="25">
        <v>693.96</v>
      </c>
      <c r="I16" s="25">
        <v>768.24</v>
      </c>
      <c r="J16" s="26">
        <v>1.47E-2</v>
      </c>
    </row>
    <row r="17" spans="1:10" ht="17" customHeight="1">
      <c r="A17" s="24" t="s">
        <v>97</v>
      </c>
      <c r="B17" s="81" t="s">
        <v>98</v>
      </c>
      <c r="C17" s="81"/>
      <c r="D17" s="25">
        <v>44.377875000000003</v>
      </c>
      <c r="E17" s="93">
        <v>3.4664670000000002</v>
      </c>
      <c r="F17" s="93"/>
      <c r="G17" s="25">
        <v>47.844341999999997</v>
      </c>
      <c r="H17" s="25">
        <v>532.55999999999995</v>
      </c>
      <c r="I17" s="25">
        <v>574.08000000000004</v>
      </c>
      <c r="J17" s="26">
        <v>1.0999999999999999E-2</v>
      </c>
    </row>
    <row r="18" spans="1:10" ht="17" customHeight="1">
      <c r="A18" s="24" t="s">
        <v>99</v>
      </c>
      <c r="B18" s="81" t="s">
        <v>100</v>
      </c>
      <c r="C18" s="81"/>
      <c r="D18" s="25">
        <v>11.974982000000001</v>
      </c>
      <c r="E18" s="93">
        <v>0.78593999999999997</v>
      </c>
      <c r="F18" s="93"/>
      <c r="G18" s="25">
        <v>12.760922000000001</v>
      </c>
      <c r="H18" s="25">
        <v>143.63999999999999</v>
      </c>
      <c r="I18" s="25">
        <v>153.12</v>
      </c>
      <c r="J18" s="26">
        <v>2.8999999999999998E-3</v>
      </c>
    </row>
    <row r="19" spans="1:10" ht="17" customHeight="1">
      <c r="A19" s="27" t="s">
        <v>101</v>
      </c>
      <c r="B19" s="94" t="s">
        <v>102</v>
      </c>
      <c r="C19" s="94"/>
      <c r="D19" s="28">
        <v>3696.460904</v>
      </c>
      <c r="E19" s="95">
        <v>189.34531999999999</v>
      </c>
      <c r="F19" s="95"/>
      <c r="G19" s="28">
        <v>3885.8062239999999</v>
      </c>
      <c r="H19" s="28">
        <v>44357.4</v>
      </c>
      <c r="I19" s="28">
        <v>46629.599999999999</v>
      </c>
      <c r="J19" s="29">
        <v>0.89439999999999997</v>
      </c>
    </row>
    <row r="20" spans="1:10" ht="17" customHeight="1">
      <c r="A20" s="24" t="s">
        <v>103</v>
      </c>
      <c r="B20" s="81" t="s">
        <v>104</v>
      </c>
      <c r="C20" s="81"/>
      <c r="D20" s="25">
        <v>0</v>
      </c>
      <c r="E20" s="93">
        <v>0</v>
      </c>
      <c r="F20" s="93"/>
      <c r="G20" s="25">
        <v>0</v>
      </c>
      <c r="H20" s="25">
        <v>0</v>
      </c>
      <c r="I20" s="25">
        <v>0</v>
      </c>
      <c r="J20" s="26">
        <v>0</v>
      </c>
    </row>
    <row r="21" spans="1:10" ht="19.5" customHeight="1">
      <c r="A21" s="24" t="s">
        <v>105</v>
      </c>
      <c r="B21" s="81" t="s">
        <v>106</v>
      </c>
      <c r="C21" s="81"/>
      <c r="D21" s="25">
        <v>0</v>
      </c>
      <c r="E21" s="93">
        <v>0</v>
      </c>
      <c r="F21" s="93"/>
      <c r="G21" s="25">
        <v>0</v>
      </c>
      <c r="H21" s="25">
        <v>0</v>
      </c>
      <c r="I21" s="25">
        <v>0</v>
      </c>
      <c r="J21" s="26">
        <v>0</v>
      </c>
    </row>
    <row r="22" spans="1:10" ht="17" customHeight="1">
      <c r="A22" s="24" t="s">
        <v>107</v>
      </c>
      <c r="B22" s="81" t="s">
        <v>108</v>
      </c>
      <c r="C22" s="81"/>
      <c r="D22" s="25">
        <v>0</v>
      </c>
      <c r="E22" s="93">
        <v>0</v>
      </c>
      <c r="F22" s="93"/>
      <c r="G22" s="25">
        <v>0</v>
      </c>
      <c r="H22" s="25">
        <v>0</v>
      </c>
      <c r="I22" s="25">
        <v>0</v>
      </c>
      <c r="J22" s="26">
        <v>0</v>
      </c>
    </row>
    <row r="23" spans="1:10" ht="17" customHeight="1">
      <c r="A23" s="24" t="s">
        <v>109</v>
      </c>
      <c r="B23" s="81" t="s">
        <v>110</v>
      </c>
      <c r="C23" s="81"/>
      <c r="D23" s="25">
        <v>15</v>
      </c>
      <c r="E23" s="93">
        <v>0</v>
      </c>
      <c r="F23" s="93"/>
      <c r="G23" s="25">
        <v>15</v>
      </c>
      <c r="H23" s="25">
        <v>0</v>
      </c>
      <c r="I23" s="25">
        <v>0</v>
      </c>
      <c r="J23" s="26">
        <v>0</v>
      </c>
    </row>
    <row r="24" spans="1:10" ht="17" customHeight="1">
      <c r="A24" s="27" t="s">
        <v>111</v>
      </c>
      <c r="B24" s="94" t="s">
        <v>112</v>
      </c>
      <c r="C24" s="94"/>
      <c r="D24" s="28">
        <v>3696.460904</v>
      </c>
      <c r="E24" s="95">
        <v>189.34531999999999</v>
      </c>
      <c r="F24" s="95"/>
      <c r="G24" s="28">
        <v>3885.8062239999999</v>
      </c>
      <c r="H24" s="28">
        <v>44357.4</v>
      </c>
      <c r="I24" s="28">
        <v>46629.599999999999</v>
      </c>
      <c r="J24" s="29">
        <v>0.89439999999999997</v>
      </c>
    </row>
    <row r="25" spans="1:10" ht="17" customHeight="1">
      <c r="A25" s="15" t="s">
        <v>1</v>
      </c>
      <c r="B25" s="72" t="s">
        <v>1</v>
      </c>
      <c r="C25" s="72"/>
      <c r="D25" s="19" t="s">
        <v>1</v>
      </c>
      <c r="E25" s="80" t="s">
        <v>1</v>
      </c>
      <c r="F25" s="80"/>
      <c r="G25" s="19" t="s">
        <v>1</v>
      </c>
      <c r="H25" s="19" t="s">
        <v>1</v>
      </c>
      <c r="I25" s="19" t="s">
        <v>1</v>
      </c>
      <c r="J25" s="19" t="s">
        <v>1</v>
      </c>
    </row>
    <row r="26" spans="1:10" ht="14.4" customHeight="1">
      <c r="A26" s="87" t="s">
        <v>71</v>
      </c>
      <c r="B26" s="89" t="s">
        <v>113</v>
      </c>
      <c r="C26" s="89"/>
      <c r="D26" s="91" t="s">
        <v>73</v>
      </c>
      <c r="E26" s="91"/>
      <c r="F26" s="91"/>
      <c r="G26" s="91"/>
      <c r="H26" s="91" t="s">
        <v>74</v>
      </c>
      <c r="I26" s="91"/>
      <c r="J26" s="23" t="s">
        <v>1</v>
      </c>
    </row>
    <row r="27" spans="1:10" ht="14.4" customHeight="1">
      <c r="A27" s="88"/>
      <c r="B27" s="90"/>
      <c r="C27" s="90"/>
      <c r="D27" s="23" t="s">
        <v>75</v>
      </c>
      <c r="E27" s="92" t="s">
        <v>76</v>
      </c>
      <c r="F27" s="92"/>
      <c r="G27" s="23" t="s">
        <v>77</v>
      </c>
      <c r="H27" s="23" t="s">
        <v>75</v>
      </c>
      <c r="I27" s="23" t="s">
        <v>77</v>
      </c>
      <c r="J27" s="23" t="s">
        <v>78</v>
      </c>
    </row>
    <row r="28" spans="1:10" ht="17" customHeight="1">
      <c r="A28" s="24" t="s">
        <v>114</v>
      </c>
      <c r="B28" s="81" t="s">
        <v>115</v>
      </c>
      <c r="C28" s="81"/>
      <c r="D28" s="25">
        <v>0</v>
      </c>
      <c r="E28" s="93">
        <v>0</v>
      </c>
      <c r="F28" s="93"/>
      <c r="G28" s="25">
        <v>0</v>
      </c>
      <c r="H28" s="25">
        <v>0</v>
      </c>
      <c r="I28" s="25">
        <v>0</v>
      </c>
      <c r="J28" s="26">
        <v>0</v>
      </c>
    </row>
    <row r="29" spans="1:10" ht="17" customHeight="1">
      <c r="A29" s="24" t="s">
        <v>116</v>
      </c>
      <c r="B29" s="81" t="s">
        <v>117</v>
      </c>
      <c r="C29" s="81"/>
      <c r="D29" s="25">
        <v>0</v>
      </c>
      <c r="E29" s="93">
        <v>0</v>
      </c>
      <c r="F29" s="93"/>
      <c r="G29" s="25">
        <v>0</v>
      </c>
      <c r="H29" s="25">
        <v>0</v>
      </c>
      <c r="I29" s="25">
        <v>0</v>
      </c>
      <c r="J29" s="26">
        <v>0</v>
      </c>
    </row>
    <row r="30" spans="1:10" ht="17" customHeight="1">
      <c r="A30" s="24" t="s">
        <v>118</v>
      </c>
      <c r="B30" s="81" t="s">
        <v>119</v>
      </c>
      <c r="C30" s="81"/>
      <c r="D30" s="25">
        <v>0</v>
      </c>
      <c r="E30" s="93">
        <v>0</v>
      </c>
      <c r="F30" s="93"/>
      <c r="G30" s="25">
        <v>0</v>
      </c>
      <c r="H30" s="25">
        <v>0</v>
      </c>
      <c r="I30" s="25">
        <v>0</v>
      </c>
      <c r="J30" s="26">
        <v>0</v>
      </c>
    </row>
    <row r="31" spans="1:10" ht="17" customHeight="1">
      <c r="A31" s="24" t="s">
        <v>120</v>
      </c>
      <c r="B31" s="81" t="s">
        <v>121</v>
      </c>
      <c r="C31" s="81"/>
      <c r="D31" s="25">
        <v>0</v>
      </c>
      <c r="E31" s="93">
        <v>0</v>
      </c>
      <c r="F31" s="93"/>
      <c r="G31" s="25">
        <v>0</v>
      </c>
      <c r="H31" s="25">
        <v>0</v>
      </c>
      <c r="I31" s="25">
        <v>0</v>
      </c>
      <c r="J31" s="26">
        <v>0</v>
      </c>
    </row>
    <row r="32" spans="1:10" ht="17" customHeight="1">
      <c r="A32" s="24" t="s">
        <v>122</v>
      </c>
      <c r="B32" s="81" t="s">
        <v>123</v>
      </c>
      <c r="C32" s="81"/>
      <c r="D32" s="25">
        <v>0</v>
      </c>
      <c r="E32" s="93">
        <v>0</v>
      </c>
      <c r="F32" s="93"/>
      <c r="G32" s="25">
        <v>0</v>
      </c>
      <c r="H32" s="25">
        <v>0</v>
      </c>
      <c r="I32" s="25">
        <v>0</v>
      </c>
      <c r="J32" s="26">
        <v>0</v>
      </c>
    </row>
    <row r="33" spans="1:10" ht="17" customHeight="1">
      <c r="A33" s="24" t="s">
        <v>124</v>
      </c>
      <c r="B33" s="81" t="s">
        <v>125</v>
      </c>
      <c r="C33" s="81"/>
      <c r="D33" s="25">
        <v>0</v>
      </c>
      <c r="E33" s="93">
        <v>0</v>
      </c>
      <c r="F33" s="93"/>
      <c r="G33" s="25">
        <v>0</v>
      </c>
      <c r="H33" s="25">
        <v>0</v>
      </c>
      <c r="I33" s="25">
        <v>0</v>
      </c>
      <c r="J33" s="26">
        <v>0</v>
      </c>
    </row>
    <row r="34" spans="1:10" ht="17" customHeight="1">
      <c r="A34" s="24" t="s">
        <v>126</v>
      </c>
      <c r="B34" s="81" t="s">
        <v>127</v>
      </c>
      <c r="C34" s="81"/>
      <c r="D34" s="25">
        <v>0</v>
      </c>
      <c r="E34" s="93">
        <v>0</v>
      </c>
      <c r="F34" s="93"/>
      <c r="G34" s="25">
        <v>0</v>
      </c>
      <c r="H34" s="25">
        <v>0</v>
      </c>
      <c r="I34" s="25">
        <v>0</v>
      </c>
      <c r="J34" s="26">
        <v>0</v>
      </c>
    </row>
    <row r="35" spans="1:10" ht="17" customHeight="1">
      <c r="A35" s="24" t="s">
        <v>128</v>
      </c>
      <c r="B35" s="81" t="s">
        <v>129</v>
      </c>
      <c r="C35" s="81"/>
      <c r="D35" s="25">
        <v>100</v>
      </c>
      <c r="E35" s="93">
        <v>0</v>
      </c>
      <c r="F35" s="93"/>
      <c r="G35" s="25">
        <v>100</v>
      </c>
      <c r="H35" s="25">
        <v>1200</v>
      </c>
      <c r="I35" s="25">
        <v>1200</v>
      </c>
      <c r="J35" s="26">
        <v>2.3E-2</v>
      </c>
    </row>
    <row r="36" spans="1:10" ht="17" customHeight="1">
      <c r="A36" s="24" t="s">
        <v>130</v>
      </c>
      <c r="B36" s="81" t="s">
        <v>131</v>
      </c>
      <c r="C36" s="81"/>
      <c r="D36" s="25">
        <v>0</v>
      </c>
      <c r="E36" s="93">
        <v>0</v>
      </c>
      <c r="F36" s="93"/>
      <c r="G36" s="25">
        <v>0</v>
      </c>
      <c r="H36" s="25">
        <v>0</v>
      </c>
      <c r="I36" s="25">
        <v>0</v>
      </c>
      <c r="J36" s="26">
        <v>0</v>
      </c>
    </row>
    <row r="37" spans="1:10" ht="17" customHeight="1">
      <c r="A37" s="24" t="s">
        <v>132</v>
      </c>
      <c r="B37" s="81" t="s">
        <v>133</v>
      </c>
      <c r="C37" s="81"/>
      <c r="D37" s="25">
        <v>0</v>
      </c>
      <c r="E37" s="93">
        <v>0</v>
      </c>
      <c r="F37" s="93"/>
      <c r="G37" s="25">
        <v>0</v>
      </c>
      <c r="H37" s="25">
        <v>0</v>
      </c>
      <c r="I37" s="25">
        <v>0</v>
      </c>
      <c r="J37" s="26">
        <v>0</v>
      </c>
    </row>
    <row r="38" spans="1:10" ht="17" customHeight="1">
      <c r="A38" s="24" t="s">
        <v>134</v>
      </c>
      <c r="B38" s="81" t="s">
        <v>135</v>
      </c>
      <c r="C38" s="81"/>
      <c r="D38" s="25">
        <v>0</v>
      </c>
      <c r="E38" s="93">
        <v>0</v>
      </c>
      <c r="F38" s="93"/>
      <c r="G38" s="25">
        <v>0</v>
      </c>
      <c r="H38" s="25">
        <v>0</v>
      </c>
      <c r="I38" s="25">
        <v>0</v>
      </c>
      <c r="J38" s="26">
        <v>0</v>
      </c>
    </row>
    <row r="39" spans="1:10" ht="17" customHeight="1">
      <c r="A39" s="24" t="s">
        <v>136</v>
      </c>
      <c r="B39" s="81" t="s">
        <v>137</v>
      </c>
      <c r="C39" s="81"/>
      <c r="D39" s="25">
        <v>0</v>
      </c>
      <c r="E39" s="93">
        <v>0</v>
      </c>
      <c r="F39" s="93"/>
      <c r="G39" s="25">
        <v>0</v>
      </c>
      <c r="H39" s="25">
        <v>0</v>
      </c>
      <c r="I39" s="25">
        <v>0</v>
      </c>
      <c r="J39" s="26">
        <v>0</v>
      </c>
    </row>
    <row r="40" spans="1:10" ht="17" customHeight="1">
      <c r="A40" s="24" t="s">
        <v>138</v>
      </c>
      <c r="B40" s="81" t="s">
        <v>139</v>
      </c>
      <c r="C40" s="81"/>
      <c r="D40" s="25">
        <v>0</v>
      </c>
      <c r="E40" s="93">
        <v>0</v>
      </c>
      <c r="F40" s="93"/>
      <c r="G40" s="25">
        <v>0</v>
      </c>
      <c r="H40" s="25">
        <v>0</v>
      </c>
      <c r="I40" s="25">
        <v>0</v>
      </c>
      <c r="J40" s="26">
        <v>0</v>
      </c>
    </row>
    <row r="41" spans="1:10" ht="17" customHeight="1">
      <c r="A41" s="24" t="s">
        <v>140</v>
      </c>
      <c r="B41" s="81" t="s">
        <v>110</v>
      </c>
      <c r="C41" s="81"/>
      <c r="D41" s="25">
        <v>0</v>
      </c>
      <c r="E41" s="93">
        <v>0</v>
      </c>
      <c r="F41" s="93"/>
      <c r="G41" s="25">
        <v>0</v>
      </c>
      <c r="H41" s="25">
        <v>0</v>
      </c>
      <c r="I41" s="25">
        <v>0</v>
      </c>
      <c r="J41" s="26">
        <v>0</v>
      </c>
    </row>
    <row r="42" spans="1:10" ht="17" customHeight="1">
      <c r="A42" s="24" t="s">
        <v>141</v>
      </c>
      <c r="B42" s="81" t="s">
        <v>110</v>
      </c>
      <c r="C42" s="81"/>
      <c r="D42" s="25">
        <v>0</v>
      </c>
      <c r="E42" s="93">
        <v>0</v>
      </c>
      <c r="F42" s="93"/>
      <c r="G42" s="25">
        <v>0</v>
      </c>
      <c r="H42" s="25">
        <v>0</v>
      </c>
      <c r="I42" s="25">
        <v>0</v>
      </c>
      <c r="J42" s="26">
        <v>0</v>
      </c>
    </row>
    <row r="43" spans="1:10" ht="17" customHeight="1">
      <c r="A43" s="24" t="s">
        <v>142</v>
      </c>
      <c r="B43" s="81" t="s">
        <v>110</v>
      </c>
      <c r="C43" s="81"/>
      <c r="D43" s="25">
        <v>0</v>
      </c>
      <c r="E43" s="93">
        <v>0</v>
      </c>
      <c r="F43" s="93"/>
      <c r="G43" s="25">
        <v>0</v>
      </c>
      <c r="H43" s="25">
        <v>0</v>
      </c>
      <c r="I43" s="25">
        <v>0</v>
      </c>
      <c r="J43" s="26">
        <v>0</v>
      </c>
    </row>
    <row r="44" spans="1:10" ht="17" customHeight="1">
      <c r="A44" s="24" t="s">
        <v>143</v>
      </c>
      <c r="B44" s="81" t="s">
        <v>110</v>
      </c>
      <c r="C44" s="81"/>
      <c r="D44" s="25">
        <v>0</v>
      </c>
      <c r="E44" s="93">
        <v>0</v>
      </c>
      <c r="F44" s="93"/>
      <c r="G44" s="25">
        <v>0</v>
      </c>
      <c r="H44" s="25">
        <v>0</v>
      </c>
      <c r="I44" s="25">
        <v>0</v>
      </c>
      <c r="J44" s="26">
        <v>0</v>
      </c>
    </row>
    <row r="45" spans="1:10" ht="17" customHeight="1">
      <c r="A45" s="27" t="s">
        <v>144</v>
      </c>
      <c r="B45" s="94" t="s">
        <v>145</v>
      </c>
      <c r="C45" s="94"/>
      <c r="D45" s="28">
        <v>100</v>
      </c>
      <c r="E45" s="95">
        <v>0</v>
      </c>
      <c r="F45" s="95"/>
      <c r="G45" s="28">
        <v>100</v>
      </c>
      <c r="H45" s="28">
        <v>1200</v>
      </c>
      <c r="I45" s="28">
        <v>1200</v>
      </c>
      <c r="J45" s="29">
        <v>2.3E-2</v>
      </c>
    </row>
    <row r="46" spans="1:10" ht="17" customHeight="1">
      <c r="A46" s="27" t="s">
        <v>1</v>
      </c>
      <c r="B46" s="94" t="s">
        <v>146</v>
      </c>
      <c r="C46" s="94"/>
      <c r="D46" s="28">
        <v>3796.460904</v>
      </c>
      <c r="E46" s="95">
        <v>189.34531999999999</v>
      </c>
      <c r="F46" s="95"/>
      <c r="G46" s="28">
        <v>3985.8062239999999</v>
      </c>
      <c r="H46" s="28">
        <v>45557.4</v>
      </c>
      <c r="I46" s="28">
        <v>47829.599999999999</v>
      </c>
      <c r="J46" s="29">
        <v>0.91739999999999999</v>
      </c>
    </row>
    <row r="47" spans="1:10" ht="17" customHeight="1">
      <c r="A47" s="15" t="s">
        <v>1</v>
      </c>
      <c r="B47" s="72" t="s">
        <v>1</v>
      </c>
      <c r="C47" s="72"/>
      <c r="D47" s="19" t="s">
        <v>1</v>
      </c>
      <c r="E47" s="80" t="s">
        <v>1</v>
      </c>
      <c r="F47" s="80"/>
      <c r="G47" s="19" t="s">
        <v>1</v>
      </c>
      <c r="H47" s="19" t="s">
        <v>1</v>
      </c>
      <c r="I47" s="19" t="s">
        <v>1</v>
      </c>
      <c r="J47" s="19" t="s">
        <v>1</v>
      </c>
    </row>
    <row r="48" spans="1:10" ht="14.4" customHeight="1">
      <c r="A48" s="87" t="s">
        <v>71</v>
      </c>
      <c r="B48" s="89" t="s">
        <v>147</v>
      </c>
      <c r="C48" s="89"/>
      <c r="D48" s="91" t="s">
        <v>73</v>
      </c>
      <c r="E48" s="91"/>
      <c r="F48" s="91"/>
      <c r="G48" s="91"/>
      <c r="H48" s="91" t="s">
        <v>74</v>
      </c>
      <c r="I48" s="91"/>
      <c r="J48" s="23" t="s">
        <v>1</v>
      </c>
    </row>
    <row r="49" spans="1:10" ht="14.4" customHeight="1">
      <c r="A49" s="88"/>
      <c r="B49" s="90"/>
      <c r="C49" s="90"/>
      <c r="D49" s="23" t="s">
        <v>75</v>
      </c>
      <c r="E49" s="92" t="s">
        <v>76</v>
      </c>
      <c r="F49" s="92"/>
      <c r="G49" s="23" t="s">
        <v>77</v>
      </c>
      <c r="H49" s="23" t="s">
        <v>75</v>
      </c>
      <c r="I49" s="23" t="s">
        <v>77</v>
      </c>
      <c r="J49" s="23" t="s">
        <v>78</v>
      </c>
    </row>
    <row r="50" spans="1:10" ht="17" customHeight="1">
      <c r="A50" s="24" t="s">
        <v>148</v>
      </c>
      <c r="B50" s="81" t="s">
        <v>149</v>
      </c>
      <c r="C50" s="81"/>
      <c r="D50" s="25">
        <v>341.68148100000002</v>
      </c>
      <c r="E50" s="93">
        <v>17.041079</v>
      </c>
      <c r="F50" s="93"/>
      <c r="G50" s="25">
        <v>358.72255999999999</v>
      </c>
      <c r="H50" s="25">
        <v>4100.16</v>
      </c>
      <c r="I50" s="25">
        <v>4304.6400000000003</v>
      </c>
      <c r="J50" s="26">
        <v>8.2600000000000007E-2</v>
      </c>
    </row>
    <row r="51" spans="1:10" ht="17" customHeight="1">
      <c r="A51" s="27" t="s">
        <v>150</v>
      </c>
      <c r="B51" s="94" t="s">
        <v>151</v>
      </c>
      <c r="C51" s="94"/>
      <c r="D51" s="28">
        <v>341.68148100000002</v>
      </c>
      <c r="E51" s="95">
        <v>17.041079</v>
      </c>
      <c r="F51" s="95"/>
      <c r="G51" s="28">
        <v>358.72255999999999</v>
      </c>
      <c r="H51" s="28">
        <v>4100.16</v>
      </c>
      <c r="I51" s="28">
        <v>4304.6400000000003</v>
      </c>
      <c r="J51" s="29">
        <v>8.2600000000000007E-2</v>
      </c>
    </row>
    <row r="52" spans="1:10" ht="17" customHeight="1">
      <c r="A52" s="15" t="s">
        <v>1</v>
      </c>
      <c r="B52" s="72" t="s">
        <v>1</v>
      </c>
      <c r="C52" s="72"/>
      <c r="D52" s="19" t="s">
        <v>1</v>
      </c>
      <c r="E52" s="80" t="s">
        <v>1</v>
      </c>
      <c r="F52" s="80"/>
      <c r="G52" s="19" t="s">
        <v>1</v>
      </c>
      <c r="H52" s="19" t="s">
        <v>1</v>
      </c>
      <c r="I52" s="19" t="s">
        <v>1</v>
      </c>
      <c r="J52" s="19" t="s">
        <v>1</v>
      </c>
    </row>
    <row r="53" spans="1:10" ht="14.4" customHeight="1">
      <c r="A53" s="87" t="s">
        <v>71</v>
      </c>
      <c r="B53" s="89" t="s">
        <v>152</v>
      </c>
      <c r="C53" s="89"/>
      <c r="D53" s="91" t="s">
        <v>73</v>
      </c>
      <c r="E53" s="91"/>
      <c r="F53" s="91"/>
      <c r="G53" s="91"/>
      <c r="H53" s="91" t="s">
        <v>74</v>
      </c>
      <c r="I53" s="91"/>
      <c r="J53" s="23" t="s">
        <v>1</v>
      </c>
    </row>
    <row r="54" spans="1:10" ht="14.4" customHeight="1">
      <c r="A54" s="88"/>
      <c r="B54" s="90"/>
      <c r="C54" s="90"/>
      <c r="D54" s="23" t="s">
        <v>75</v>
      </c>
      <c r="E54" s="92" t="s">
        <v>76</v>
      </c>
      <c r="F54" s="92"/>
      <c r="G54" s="23" t="s">
        <v>77</v>
      </c>
      <c r="H54" s="23" t="s">
        <v>75</v>
      </c>
      <c r="I54" s="23" t="s">
        <v>77</v>
      </c>
      <c r="J54" s="23" t="s">
        <v>78</v>
      </c>
    </row>
    <row r="55" spans="1:10" ht="17" customHeight="1">
      <c r="A55" s="24" t="s">
        <v>153</v>
      </c>
      <c r="B55" s="81" t="s">
        <v>154</v>
      </c>
      <c r="C55" s="81"/>
      <c r="D55" s="25"/>
      <c r="E55" s="93"/>
      <c r="F55" s="93"/>
      <c r="G55" s="25"/>
      <c r="H55" s="25"/>
      <c r="I55" s="25"/>
      <c r="J55" s="26"/>
    </row>
    <row r="56" spans="1:10" ht="17" customHeight="1">
      <c r="A56" s="24" t="s">
        <v>155</v>
      </c>
      <c r="B56" s="81" t="s">
        <v>156</v>
      </c>
      <c r="C56" s="81"/>
      <c r="D56" s="25">
        <v>0</v>
      </c>
      <c r="E56" s="93">
        <v>0</v>
      </c>
      <c r="F56" s="93"/>
      <c r="G56" s="25">
        <v>0</v>
      </c>
      <c r="H56" s="25">
        <v>0</v>
      </c>
      <c r="I56" s="25">
        <v>0</v>
      </c>
      <c r="J56" s="26">
        <v>0</v>
      </c>
    </row>
    <row r="57" spans="1:10" ht="17" customHeight="1">
      <c r="A57" s="24" t="s">
        <v>37</v>
      </c>
      <c r="B57" s="81" t="s">
        <v>157</v>
      </c>
      <c r="C57" s="81"/>
      <c r="D57" s="25">
        <v>0</v>
      </c>
      <c r="E57" s="93">
        <v>0</v>
      </c>
      <c r="F57" s="93"/>
      <c r="G57" s="25">
        <v>0</v>
      </c>
      <c r="H57" s="25">
        <v>0</v>
      </c>
      <c r="I57" s="25">
        <v>0</v>
      </c>
      <c r="J57" s="26">
        <v>0</v>
      </c>
    </row>
    <row r="58" spans="1:10" ht="17" customHeight="1">
      <c r="A58" s="24" t="s">
        <v>158</v>
      </c>
      <c r="B58" s="81" t="s">
        <v>159</v>
      </c>
      <c r="C58" s="81"/>
      <c r="D58" s="25">
        <v>0</v>
      </c>
      <c r="E58" s="93">
        <v>0</v>
      </c>
      <c r="F58" s="93"/>
      <c r="G58" s="25">
        <v>0</v>
      </c>
      <c r="H58" s="25">
        <v>0</v>
      </c>
      <c r="I58" s="25">
        <v>0</v>
      </c>
      <c r="J58" s="26">
        <v>0</v>
      </c>
    </row>
    <row r="59" spans="1:10" ht="17" customHeight="1">
      <c r="A59" s="24" t="s">
        <v>160</v>
      </c>
      <c r="B59" s="81" t="s">
        <v>161</v>
      </c>
      <c r="C59" s="81"/>
      <c r="D59" s="25">
        <v>0</v>
      </c>
      <c r="E59" s="93">
        <v>0</v>
      </c>
      <c r="F59" s="93"/>
      <c r="G59" s="25">
        <v>0</v>
      </c>
      <c r="H59" s="25">
        <v>0</v>
      </c>
      <c r="I59" s="25">
        <v>0</v>
      </c>
      <c r="J59" s="26">
        <v>0</v>
      </c>
    </row>
    <row r="60" spans="1:10" ht="17" customHeight="1">
      <c r="A60" s="24" t="s">
        <v>162</v>
      </c>
      <c r="B60" s="81" t="s">
        <v>163</v>
      </c>
      <c r="C60" s="81"/>
      <c r="D60" s="25">
        <v>0</v>
      </c>
      <c r="E60" s="93">
        <v>0</v>
      </c>
      <c r="F60" s="93"/>
      <c r="G60" s="25">
        <v>0</v>
      </c>
      <c r="H60" s="25">
        <v>0</v>
      </c>
      <c r="I60" s="25">
        <v>0</v>
      </c>
      <c r="J60" s="26">
        <v>0</v>
      </c>
    </row>
    <row r="61" spans="1:10" ht="17" customHeight="1">
      <c r="A61" s="24" t="s">
        <v>164</v>
      </c>
      <c r="B61" s="81" t="s">
        <v>165</v>
      </c>
      <c r="C61" s="81"/>
      <c r="D61" s="25">
        <v>0</v>
      </c>
      <c r="E61" s="93">
        <v>0</v>
      </c>
      <c r="F61" s="93"/>
      <c r="G61" s="25">
        <v>0</v>
      </c>
      <c r="H61" s="25">
        <v>0</v>
      </c>
      <c r="I61" s="25">
        <v>0</v>
      </c>
      <c r="J61" s="26">
        <v>0</v>
      </c>
    </row>
    <row r="62" spans="1:10" ht="17" customHeight="1">
      <c r="A62" s="24" t="s">
        <v>166</v>
      </c>
      <c r="B62" s="81" t="s">
        <v>167</v>
      </c>
      <c r="C62" s="81"/>
      <c r="D62" s="25">
        <v>0</v>
      </c>
      <c r="E62" s="93">
        <v>0</v>
      </c>
      <c r="F62" s="93"/>
      <c r="G62" s="25">
        <v>0</v>
      </c>
      <c r="H62" s="25">
        <v>0</v>
      </c>
      <c r="I62" s="25">
        <v>0</v>
      </c>
      <c r="J62" s="26">
        <v>0</v>
      </c>
    </row>
    <row r="63" spans="1:10" ht="19.5" customHeight="1">
      <c r="A63" s="24" t="s">
        <v>168</v>
      </c>
      <c r="B63" s="81" t="s">
        <v>169</v>
      </c>
      <c r="C63" s="81"/>
      <c r="D63" s="25">
        <v>0</v>
      </c>
      <c r="E63" s="93">
        <v>0</v>
      </c>
      <c r="F63" s="93"/>
      <c r="G63" s="25">
        <v>0</v>
      </c>
      <c r="H63" s="25">
        <v>0</v>
      </c>
      <c r="I63" s="25">
        <v>0</v>
      </c>
      <c r="J63" s="26">
        <v>0</v>
      </c>
    </row>
    <row r="64" spans="1:10" ht="17" customHeight="1">
      <c r="A64" s="24" t="s">
        <v>170</v>
      </c>
      <c r="B64" s="81" t="s">
        <v>171</v>
      </c>
      <c r="C64" s="81"/>
      <c r="D64" s="25">
        <v>0</v>
      </c>
      <c r="E64" s="93">
        <v>0</v>
      </c>
      <c r="F64" s="93"/>
      <c r="G64" s="25">
        <v>0</v>
      </c>
      <c r="H64" s="25">
        <v>0</v>
      </c>
      <c r="I64" s="25">
        <v>0</v>
      </c>
      <c r="J64" s="26">
        <v>0</v>
      </c>
    </row>
    <row r="65" spans="1:10" ht="19.5" customHeight="1">
      <c r="A65" s="24" t="s">
        <v>172</v>
      </c>
      <c r="B65" s="81" t="s">
        <v>173</v>
      </c>
      <c r="C65" s="81"/>
      <c r="D65" s="25">
        <v>0</v>
      </c>
      <c r="E65" s="93">
        <v>0</v>
      </c>
      <c r="F65" s="93"/>
      <c r="G65" s="25">
        <v>0</v>
      </c>
      <c r="H65" s="25">
        <v>0</v>
      </c>
      <c r="I65" s="25">
        <v>0</v>
      </c>
      <c r="J65" s="26">
        <v>0</v>
      </c>
    </row>
    <row r="66" spans="1:10" ht="17" customHeight="1">
      <c r="A66" s="24" t="s">
        <v>174</v>
      </c>
      <c r="B66" s="81" t="s">
        <v>110</v>
      </c>
      <c r="C66" s="81"/>
      <c r="D66" s="25">
        <v>0</v>
      </c>
      <c r="E66" s="93">
        <v>0</v>
      </c>
      <c r="F66" s="93"/>
      <c r="G66" s="25">
        <v>0</v>
      </c>
      <c r="H66" s="25">
        <v>0</v>
      </c>
      <c r="I66" s="25">
        <v>0</v>
      </c>
      <c r="J66" s="26">
        <v>0</v>
      </c>
    </row>
    <row r="67" spans="1:10" ht="17" customHeight="1">
      <c r="A67" s="24" t="s">
        <v>175</v>
      </c>
      <c r="B67" s="81" t="s">
        <v>110</v>
      </c>
      <c r="C67" s="81"/>
      <c r="D67" s="25">
        <v>0</v>
      </c>
      <c r="E67" s="93">
        <v>0</v>
      </c>
      <c r="F67" s="93"/>
      <c r="G67" s="25">
        <v>0</v>
      </c>
      <c r="H67" s="25">
        <v>0</v>
      </c>
      <c r="I67" s="25">
        <v>0</v>
      </c>
      <c r="J67" s="26">
        <v>0</v>
      </c>
    </row>
    <row r="68" spans="1:10" ht="17" customHeight="1">
      <c r="A68" s="24" t="s">
        <v>176</v>
      </c>
      <c r="B68" s="81" t="s">
        <v>110</v>
      </c>
      <c r="C68" s="81"/>
      <c r="D68" s="25">
        <v>0</v>
      </c>
      <c r="E68" s="93">
        <v>0</v>
      </c>
      <c r="F68" s="93"/>
      <c r="G68" s="25">
        <v>0</v>
      </c>
      <c r="H68" s="25">
        <v>0</v>
      </c>
      <c r="I68" s="25">
        <v>0</v>
      </c>
      <c r="J68" s="26">
        <v>0</v>
      </c>
    </row>
    <row r="69" spans="1:10" ht="17" customHeight="1">
      <c r="A69" s="24" t="s">
        <v>177</v>
      </c>
      <c r="B69" s="81" t="s">
        <v>110</v>
      </c>
      <c r="C69" s="81"/>
      <c r="D69" s="25">
        <v>15</v>
      </c>
      <c r="E69" s="93">
        <v>0</v>
      </c>
      <c r="F69" s="93"/>
      <c r="G69" s="25">
        <v>15</v>
      </c>
      <c r="H69" s="25">
        <v>0</v>
      </c>
      <c r="I69" s="25">
        <v>0</v>
      </c>
      <c r="J69" s="26">
        <v>0</v>
      </c>
    </row>
    <row r="70" spans="1:10" ht="17" customHeight="1">
      <c r="A70" s="27" t="s">
        <v>1</v>
      </c>
      <c r="B70" s="94" t="s">
        <v>178</v>
      </c>
      <c r="C70" s="94"/>
      <c r="D70" s="28">
        <v>0</v>
      </c>
      <c r="E70" s="95">
        <v>0</v>
      </c>
      <c r="F70" s="95"/>
      <c r="G70" s="28">
        <v>0</v>
      </c>
      <c r="H70" s="28">
        <v>0</v>
      </c>
      <c r="I70" s="28">
        <v>0</v>
      </c>
      <c r="J70" s="29">
        <v>0</v>
      </c>
    </row>
    <row r="71" spans="1:10" ht="17" customHeight="1">
      <c r="A71" s="15" t="s">
        <v>1</v>
      </c>
      <c r="B71" s="72" t="s">
        <v>1</v>
      </c>
      <c r="C71" s="72"/>
      <c r="D71" s="19" t="s">
        <v>1</v>
      </c>
      <c r="E71" s="80" t="s">
        <v>1</v>
      </c>
      <c r="F71" s="80"/>
      <c r="G71" s="19" t="s">
        <v>1</v>
      </c>
      <c r="H71" s="19" t="s">
        <v>1</v>
      </c>
      <c r="I71" s="19" t="s">
        <v>1</v>
      </c>
      <c r="J71" s="19" t="s">
        <v>1</v>
      </c>
    </row>
    <row r="72" spans="1:10" ht="14.4" customHeight="1">
      <c r="A72" s="87" t="s">
        <v>71</v>
      </c>
      <c r="B72" s="89" t="s">
        <v>46</v>
      </c>
      <c r="C72" s="89"/>
      <c r="D72" s="91" t="s">
        <v>73</v>
      </c>
      <c r="E72" s="91"/>
      <c r="F72" s="91"/>
      <c r="G72" s="91"/>
      <c r="H72" s="91" t="s">
        <v>74</v>
      </c>
      <c r="I72" s="91"/>
      <c r="J72" s="23" t="s">
        <v>1</v>
      </c>
    </row>
    <row r="73" spans="1:10" ht="14.4" customHeight="1">
      <c r="A73" s="88"/>
      <c r="B73" s="90"/>
      <c r="C73" s="90"/>
      <c r="D73" s="23" t="s">
        <v>75</v>
      </c>
      <c r="E73" s="92" t="s">
        <v>76</v>
      </c>
      <c r="F73" s="92"/>
      <c r="G73" s="23" t="s">
        <v>77</v>
      </c>
      <c r="H73" s="23" t="s">
        <v>75</v>
      </c>
      <c r="I73" s="23" t="s">
        <v>77</v>
      </c>
      <c r="J73" s="23" t="s">
        <v>78</v>
      </c>
    </row>
    <row r="74" spans="1:10" ht="17" customHeight="1">
      <c r="A74" s="24" t="s">
        <v>179</v>
      </c>
      <c r="B74" s="81" t="s">
        <v>110</v>
      </c>
      <c r="C74" s="81"/>
      <c r="D74" s="25">
        <v>0</v>
      </c>
      <c r="E74" s="93">
        <v>0</v>
      </c>
      <c r="F74" s="93"/>
      <c r="G74" s="25">
        <v>0</v>
      </c>
      <c r="H74" s="25">
        <v>0</v>
      </c>
      <c r="I74" s="25">
        <v>0</v>
      </c>
      <c r="J74" s="26">
        <v>0</v>
      </c>
    </row>
    <row r="75" spans="1:10" ht="17" customHeight="1">
      <c r="A75" s="24" t="s">
        <v>180</v>
      </c>
      <c r="B75" s="81" t="s">
        <v>110</v>
      </c>
      <c r="C75" s="81"/>
      <c r="D75" s="25">
        <v>20</v>
      </c>
      <c r="E75" s="93">
        <v>5</v>
      </c>
      <c r="F75" s="93"/>
      <c r="G75" s="25">
        <v>25</v>
      </c>
      <c r="H75" s="25">
        <v>0</v>
      </c>
      <c r="I75" s="25">
        <v>0</v>
      </c>
      <c r="J75" s="26">
        <v>0</v>
      </c>
    </row>
    <row r="76" spans="1:10" ht="17" customHeight="1">
      <c r="A76" s="27" t="s">
        <v>1</v>
      </c>
      <c r="B76" s="94" t="s">
        <v>181</v>
      </c>
      <c r="C76" s="94"/>
      <c r="D76" s="28">
        <v>0</v>
      </c>
      <c r="E76" s="95">
        <v>0</v>
      </c>
      <c r="F76" s="95"/>
      <c r="G76" s="28">
        <v>0</v>
      </c>
      <c r="H76" s="28">
        <v>0</v>
      </c>
      <c r="I76" s="28">
        <v>0</v>
      </c>
      <c r="J76" s="29">
        <v>0</v>
      </c>
    </row>
    <row r="77" spans="1:10" ht="17" customHeight="1">
      <c r="A77" s="27" t="s">
        <v>1</v>
      </c>
      <c r="B77" s="94" t="s">
        <v>182</v>
      </c>
      <c r="C77" s="94"/>
      <c r="D77" s="28">
        <v>4138.1423850000001</v>
      </c>
      <c r="E77" s="95">
        <v>206.38639900000001</v>
      </c>
      <c r="F77" s="95"/>
      <c r="G77" s="28">
        <v>4344.5287840000001</v>
      </c>
      <c r="H77" s="28">
        <v>49657.56</v>
      </c>
      <c r="I77" s="28">
        <v>52134.239999999998</v>
      </c>
      <c r="J77" s="29">
        <v>1</v>
      </c>
    </row>
    <row r="78" spans="1:10" ht="17" customHeight="1">
      <c r="A78" s="15" t="s">
        <v>1</v>
      </c>
      <c r="B78" s="72" t="s">
        <v>1</v>
      </c>
      <c r="C78" s="72"/>
      <c r="D78" s="19" t="s">
        <v>1</v>
      </c>
      <c r="E78" s="80" t="s">
        <v>1</v>
      </c>
      <c r="F78" s="80"/>
      <c r="G78" s="19" t="s">
        <v>1</v>
      </c>
      <c r="H78" s="19" t="s">
        <v>1</v>
      </c>
      <c r="I78" s="19" t="s">
        <v>1</v>
      </c>
      <c r="J78" s="19" t="s">
        <v>1</v>
      </c>
    </row>
    <row r="79" spans="1:10" ht="14.4" customHeight="1">
      <c r="A79" s="87" t="s">
        <v>71</v>
      </c>
      <c r="B79" s="89" t="s">
        <v>183</v>
      </c>
      <c r="C79" s="89"/>
      <c r="D79" s="91" t="s">
        <v>73</v>
      </c>
      <c r="E79" s="91"/>
      <c r="F79" s="91"/>
      <c r="G79" s="91"/>
      <c r="H79" s="91" t="s">
        <v>74</v>
      </c>
      <c r="I79" s="91"/>
      <c r="J79" s="23" t="s">
        <v>1</v>
      </c>
    </row>
    <row r="80" spans="1:10" ht="14.4" customHeight="1">
      <c r="A80" s="88"/>
      <c r="B80" s="90"/>
      <c r="C80" s="90"/>
      <c r="D80" s="23" t="s">
        <v>75</v>
      </c>
      <c r="E80" s="92" t="s">
        <v>76</v>
      </c>
      <c r="F80" s="92"/>
      <c r="G80" s="23" t="s">
        <v>77</v>
      </c>
      <c r="H80" s="23" t="s">
        <v>75</v>
      </c>
      <c r="I80" s="23" t="s">
        <v>77</v>
      </c>
      <c r="J80" s="23" t="s">
        <v>184</v>
      </c>
    </row>
    <row r="81" spans="1:10" ht="17" customHeight="1">
      <c r="A81" s="24" t="s">
        <v>185</v>
      </c>
      <c r="B81" s="81" t="s">
        <v>186</v>
      </c>
      <c r="C81" s="81"/>
      <c r="D81" s="25">
        <v>0</v>
      </c>
      <c r="E81" s="93">
        <v>0</v>
      </c>
      <c r="F81" s="93"/>
      <c r="G81" s="25">
        <v>0</v>
      </c>
      <c r="H81" s="25">
        <v>0</v>
      </c>
      <c r="I81" s="25">
        <v>0</v>
      </c>
      <c r="J81" s="26">
        <v>0</v>
      </c>
    </row>
    <row r="82" spans="1:10" ht="19.5" customHeight="1">
      <c r="A82" s="24" t="s">
        <v>187</v>
      </c>
      <c r="B82" s="81" t="s">
        <v>188</v>
      </c>
      <c r="C82" s="81"/>
      <c r="D82" s="25">
        <v>0</v>
      </c>
      <c r="E82" s="93">
        <v>0</v>
      </c>
      <c r="F82" s="93"/>
      <c r="G82" s="25">
        <v>0</v>
      </c>
      <c r="H82" s="25">
        <v>0</v>
      </c>
      <c r="I82" s="25">
        <v>0</v>
      </c>
      <c r="J82" s="26">
        <v>0</v>
      </c>
    </row>
    <row r="83" spans="1:10" ht="17" customHeight="1">
      <c r="A83" s="24" t="s">
        <v>189</v>
      </c>
      <c r="B83" s="81" t="s">
        <v>190</v>
      </c>
      <c r="C83" s="81"/>
      <c r="D83" s="25">
        <v>0</v>
      </c>
      <c r="E83" s="93">
        <v>0</v>
      </c>
      <c r="F83" s="93"/>
      <c r="G83" s="25">
        <v>0</v>
      </c>
      <c r="H83" s="25">
        <v>0</v>
      </c>
      <c r="I83" s="25">
        <v>0</v>
      </c>
      <c r="J83" s="26">
        <v>0</v>
      </c>
    </row>
    <row r="84" spans="1:10" ht="19.5" customHeight="1">
      <c r="A84" s="24" t="s">
        <v>191</v>
      </c>
      <c r="B84" s="81" t="s">
        <v>192</v>
      </c>
      <c r="C84" s="81"/>
      <c r="D84" s="25">
        <v>0</v>
      </c>
      <c r="E84" s="93">
        <v>0</v>
      </c>
      <c r="F84" s="93"/>
      <c r="G84" s="25">
        <v>0</v>
      </c>
      <c r="H84" s="25">
        <v>0</v>
      </c>
      <c r="I84" s="25">
        <v>0</v>
      </c>
      <c r="J84" s="26">
        <v>0</v>
      </c>
    </row>
    <row r="85" spans="1:10" ht="17" customHeight="1">
      <c r="A85" s="24" t="s">
        <v>193</v>
      </c>
      <c r="B85" s="81" t="s">
        <v>194</v>
      </c>
      <c r="C85" s="81"/>
      <c r="D85" s="25">
        <v>0</v>
      </c>
      <c r="E85" s="93">
        <v>0</v>
      </c>
      <c r="F85" s="93"/>
      <c r="G85" s="25">
        <v>0</v>
      </c>
      <c r="H85" s="25">
        <v>0</v>
      </c>
      <c r="I85" s="25">
        <v>0</v>
      </c>
      <c r="J85" s="26">
        <v>0</v>
      </c>
    </row>
    <row r="86" spans="1:10" ht="17" customHeight="1">
      <c r="A86" s="24" t="s">
        <v>195</v>
      </c>
      <c r="B86" s="81" t="s">
        <v>110</v>
      </c>
      <c r="C86" s="81"/>
      <c r="D86" s="25">
        <v>0</v>
      </c>
      <c r="E86" s="93">
        <v>0</v>
      </c>
      <c r="F86" s="93"/>
      <c r="G86" s="25">
        <v>0</v>
      </c>
      <c r="H86" s="25">
        <v>0</v>
      </c>
      <c r="I86" s="25">
        <v>0</v>
      </c>
      <c r="J86" s="26">
        <v>0</v>
      </c>
    </row>
    <row r="87" spans="1:10" ht="17" customHeight="1">
      <c r="A87" s="24" t="s">
        <v>196</v>
      </c>
      <c r="B87" s="81" t="s">
        <v>110</v>
      </c>
      <c r="C87" s="81"/>
      <c r="D87" s="25">
        <v>0</v>
      </c>
      <c r="E87" s="93">
        <v>0</v>
      </c>
      <c r="F87" s="93"/>
      <c r="G87" s="25">
        <v>0</v>
      </c>
      <c r="H87" s="25">
        <v>0</v>
      </c>
      <c r="I87" s="25">
        <v>0</v>
      </c>
      <c r="J87" s="26">
        <v>0</v>
      </c>
    </row>
    <row r="88" spans="1:10" ht="17" customHeight="1">
      <c r="A88" s="27" t="s">
        <v>197</v>
      </c>
      <c r="B88" s="94" t="s">
        <v>198</v>
      </c>
      <c r="C88" s="94"/>
      <c r="D88" s="28">
        <v>0</v>
      </c>
      <c r="E88" s="95">
        <v>0</v>
      </c>
      <c r="F88" s="95"/>
      <c r="G88" s="28">
        <v>0</v>
      </c>
      <c r="H88" s="28">
        <v>0</v>
      </c>
      <c r="I88" s="28">
        <v>0</v>
      </c>
      <c r="J88" s="29">
        <v>0</v>
      </c>
    </row>
    <row r="89" spans="1:10" ht="17" customHeight="1">
      <c r="A89" s="27" t="s">
        <v>1</v>
      </c>
      <c r="B89" s="94" t="s">
        <v>199</v>
      </c>
      <c r="C89" s="94"/>
      <c r="D89" s="28">
        <v>4138.1423850000001</v>
      </c>
      <c r="E89" s="95">
        <v>206.38639900000001</v>
      </c>
      <c r="F89" s="95"/>
      <c r="G89" s="28">
        <v>4344.5287840000001</v>
      </c>
      <c r="H89" s="28">
        <v>49657.56</v>
      </c>
      <c r="I89" s="28">
        <v>52134.239999999998</v>
      </c>
      <c r="J89" s="29"/>
    </row>
    <row r="90" spans="1:10" ht="17" customHeight="1">
      <c r="A90" s="15" t="s">
        <v>1</v>
      </c>
      <c r="B90" s="72" t="s">
        <v>1</v>
      </c>
      <c r="C90" s="72"/>
      <c r="D90" s="19" t="s">
        <v>1</v>
      </c>
      <c r="E90" s="80" t="s">
        <v>1</v>
      </c>
      <c r="F90" s="80"/>
      <c r="G90" s="19" t="s">
        <v>1</v>
      </c>
      <c r="H90" s="19" t="s">
        <v>1</v>
      </c>
      <c r="I90" s="19" t="s">
        <v>1</v>
      </c>
      <c r="J90" s="19" t="s">
        <v>1</v>
      </c>
    </row>
    <row r="91" spans="1:10" ht="14.4" customHeight="1">
      <c r="A91" s="87" t="s">
        <v>71</v>
      </c>
      <c r="B91" s="89" t="s">
        <v>200</v>
      </c>
      <c r="C91" s="89"/>
      <c r="D91" s="91" t="s">
        <v>73</v>
      </c>
      <c r="E91" s="91"/>
      <c r="F91" s="91"/>
      <c r="G91" s="91"/>
      <c r="H91" s="91" t="s">
        <v>74</v>
      </c>
      <c r="I91" s="91"/>
      <c r="J91" s="23" t="s">
        <v>1</v>
      </c>
    </row>
    <row r="92" spans="1:10" ht="14.4" customHeight="1">
      <c r="A92" s="88"/>
      <c r="B92" s="90"/>
      <c r="C92" s="90"/>
      <c r="D92" s="23" t="s">
        <v>75</v>
      </c>
      <c r="E92" s="92" t="s">
        <v>76</v>
      </c>
      <c r="F92" s="92"/>
      <c r="G92" s="23" t="s">
        <v>77</v>
      </c>
      <c r="H92" s="23" t="s">
        <v>75</v>
      </c>
      <c r="I92" s="23" t="s">
        <v>77</v>
      </c>
      <c r="J92" s="23" t="s">
        <v>1</v>
      </c>
    </row>
    <row r="93" spans="1:10" ht="17" customHeight="1">
      <c r="A93" s="24" t="s">
        <v>201</v>
      </c>
      <c r="B93" s="81" t="s">
        <v>200</v>
      </c>
      <c r="C93" s="81"/>
      <c r="D93" s="25">
        <v>0</v>
      </c>
      <c r="E93" s="93">
        <v>0</v>
      </c>
      <c r="F93" s="93"/>
      <c r="G93" s="25">
        <v>0</v>
      </c>
      <c r="H93" s="25">
        <v>0</v>
      </c>
      <c r="I93" s="25">
        <v>0</v>
      </c>
      <c r="J93" s="26"/>
    </row>
    <row r="94" spans="1:10" ht="17" customHeight="1">
      <c r="A94" s="24" t="s">
        <v>202</v>
      </c>
      <c r="B94" s="81" t="s">
        <v>1</v>
      </c>
      <c r="C94" s="81"/>
      <c r="D94" s="25"/>
      <c r="E94" s="93"/>
      <c r="F94" s="93"/>
      <c r="G94" s="25"/>
      <c r="H94" s="25"/>
      <c r="I94" s="25"/>
      <c r="J94" s="26"/>
    </row>
    <row r="95" spans="1:10" ht="17" customHeight="1">
      <c r="A95" s="24" t="s">
        <v>203</v>
      </c>
      <c r="B95" s="81" t="s">
        <v>1</v>
      </c>
      <c r="C95" s="81"/>
      <c r="D95" s="25"/>
      <c r="E95" s="93"/>
      <c r="F95" s="93"/>
      <c r="G95" s="25"/>
      <c r="H95" s="25"/>
      <c r="I95" s="25"/>
      <c r="J95" s="26"/>
    </row>
    <row r="96" spans="1:10" ht="17" customHeight="1">
      <c r="A96" s="24" t="s">
        <v>204</v>
      </c>
      <c r="B96" s="81" t="s">
        <v>1</v>
      </c>
      <c r="C96" s="81"/>
      <c r="D96" s="25"/>
      <c r="E96" s="93"/>
      <c r="F96" s="93"/>
      <c r="G96" s="25"/>
      <c r="H96" s="25"/>
      <c r="I96" s="25"/>
      <c r="J96" s="26"/>
    </row>
    <row r="97" spans="1:10" ht="17" customHeight="1">
      <c r="A97" s="24" t="s">
        <v>205</v>
      </c>
      <c r="B97" s="81" t="s">
        <v>1</v>
      </c>
      <c r="C97" s="81"/>
      <c r="D97" s="25"/>
      <c r="E97" s="93"/>
      <c r="F97" s="93"/>
      <c r="G97" s="25"/>
      <c r="H97" s="25"/>
      <c r="I97" s="25"/>
      <c r="J97" s="26"/>
    </row>
    <row r="98" spans="1:10" ht="17" customHeight="1">
      <c r="A98" s="24" t="s">
        <v>206</v>
      </c>
      <c r="B98" s="81" t="s">
        <v>207</v>
      </c>
      <c r="C98" s="81"/>
      <c r="D98" s="25">
        <v>0</v>
      </c>
      <c r="E98" s="93">
        <v>0</v>
      </c>
      <c r="F98" s="93"/>
      <c r="G98" s="25">
        <v>0</v>
      </c>
      <c r="H98" s="25">
        <v>0</v>
      </c>
      <c r="I98" s="25">
        <v>0</v>
      </c>
      <c r="J98" s="26"/>
    </row>
    <row r="99" spans="1:10" ht="17" customHeight="1">
      <c r="A99" s="15" t="s">
        <v>1</v>
      </c>
      <c r="B99" s="72" t="s">
        <v>1</v>
      </c>
      <c r="C99" s="72"/>
      <c r="D99" s="19" t="s">
        <v>1</v>
      </c>
      <c r="E99" s="80" t="s">
        <v>1</v>
      </c>
      <c r="F99" s="80"/>
      <c r="G99" s="19" t="s">
        <v>1</v>
      </c>
      <c r="H99" s="19" t="s">
        <v>1</v>
      </c>
      <c r="I99" s="19" t="s">
        <v>1</v>
      </c>
      <c r="J99" s="19" t="s">
        <v>1</v>
      </c>
    </row>
    <row r="100" spans="1:10" ht="14.4" customHeight="1">
      <c r="A100" s="87" t="s">
        <v>71</v>
      </c>
      <c r="B100" s="89" t="s">
        <v>208</v>
      </c>
      <c r="C100" s="89"/>
      <c r="D100" s="91" t="s">
        <v>73</v>
      </c>
      <c r="E100" s="91"/>
      <c r="F100" s="91"/>
      <c r="G100" s="91"/>
      <c r="H100" s="91" t="s">
        <v>74</v>
      </c>
      <c r="I100" s="91"/>
      <c r="J100" s="23" t="s">
        <v>1</v>
      </c>
    </row>
    <row r="101" spans="1:10" ht="14.4" customHeight="1">
      <c r="A101" s="88"/>
      <c r="B101" s="90"/>
      <c r="C101" s="90"/>
      <c r="D101" s="23" t="s">
        <v>75</v>
      </c>
      <c r="E101" s="92" t="s">
        <v>76</v>
      </c>
      <c r="F101" s="92"/>
      <c r="G101" s="23" t="s">
        <v>77</v>
      </c>
      <c r="H101" s="23" t="s">
        <v>75</v>
      </c>
      <c r="I101" s="23" t="s">
        <v>77</v>
      </c>
      <c r="J101" s="23" t="s">
        <v>1</v>
      </c>
    </row>
    <row r="102" spans="1:10" ht="19.5" customHeight="1">
      <c r="A102" s="24" t="s">
        <v>209</v>
      </c>
      <c r="B102" s="81" t="s">
        <v>210</v>
      </c>
      <c r="C102" s="81"/>
      <c r="D102" s="25">
        <v>0</v>
      </c>
      <c r="E102" s="93">
        <v>0</v>
      </c>
      <c r="F102" s="93"/>
      <c r="G102" s="25">
        <v>0</v>
      </c>
      <c r="H102" s="25">
        <v>0</v>
      </c>
      <c r="I102" s="25">
        <v>0</v>
      </c>
      <c r="J102" s="26"/>
    </row>
    <row r="103" spans="1:10" ht="17" customHeight="1">
      <c r="A103" s="24" t="s">
        <v>211</v>
      </c>
      <c r="B103" s="81" t="s">
        <v>212</v>
      </c>
      <c r="C103" s="81"/>
      <c r="D103" s="25">
        <v>4138.1423850000001</v>
      </c>
      <c r="E103" s="93">
        <v>206.38639900000001</v>
      </c>
      <c r="F103" s="93"/>
      <c r="G103" s="25">
        <v>4344.5287840000001</v>
      </c>
      <c r="H103" s="25">
        <v>49657.56</v>
      </c>
      <c r="I103" s="25">
        <v>52134.239999999998</v>
      </c>
      <c r="J103" s="26"/>
    </row>
    <row r="104" spans="1:10" ht="17" customHeight="1">
      <c r="A104" s="27" t="s">
        <v>213</v>
      </c>
      <c r="B104" s="94" t="s">
        <v>214</v>
      </c>
      <c r="C104" s="94"/>
      <c r="D104" s="28">
        <v>4138.1423850000001</v>
      </c>
      <c r="E104" s="95">
        <v>206.38639900000001</v>
      </c>
      <c r="F104" s="95"/>
      <c r="G104" s="28">
        <v>4344.5287840000001</v>
      </c>
      <c r="H104" s="28">
        <v>49657.56</v>
      </c>
      <c r="I104" s="28">
        <v>52134.239999999998</v>
      </c>
      <c r="J104" s="29"/>
    </row>
    <row r="105" spans="1:10" ht="17" customHeight="1">
      <c r="A105" s="15" t="s">
        <v>1</v>
      </c>
      <c r="B105" s="72" t="s">
        <v>1</v>
      </c>
      <c r="C105" s="72"/>
      <c r="D105" s="19" t="s">
        <v>1</v>
      </c>
      <c r="E105" s="80" t="s">
        <v>1</v>
      </c>
      <c r="F105" s="80"/>
      <c r="G105" s="19" t="s">
        <v>1</v>
      </c>
      <c r="H105" s="19" t="s">
        <v>1</v>
      </c>
      <c r="I105" s="19" t="s">
        <v>1</v>
      </c>
      <c r="J105" s="19" t="s">
        <v>1</v>
      </c>
    </row>
  </sheetData>
  <mergeCells count="211">
    <mergeCell ref="B104:C104"/>
    <mergeCell ref="E104:F104"/>
    <mergeCell ref="B105:C105"/>
    <mergeCell ref="E105:F105"/>
    <mergeCell ref="H100:I100"/>
    <mergeCell ref="E101:F101"/>
    <mergeCell ref="B102:C102"/>
    <mergeCell ref="E102:F102"/>
    <mergeCell ref="B103:C103"/>
    <mergeCell ref="E103:F103"/>
    <mergeCell ref="B98:C98"/>
    <mergeCell ref="E98:F98"/>
    <mergeCell ref="B99:C99"/>
    <mergeCell ref="E99:F99"/>
    <mergeCell ref="A100:A101"/>
    <mergeCell ref="B100:C101"/>
    <mergeCell ref="D100:G100"/>
    <mergeCell ref="B95:C95"/>
    <mergeCell ref="E95:F95"/>
    <mergeCell ref="B96:C96"/>
    <mergeCell ref="E96:F96"/>
    <mergeCell ref="B97:C97"/>
    <mergeCell ref="E97:F97"/>
    <mergeCell ref="H91:I91"/>
    <mergeCell ref="E92:F92"/>
    <mergeCell ref="B93:C93"/>
    <mergeCell ref="E93:F93"/>
    <mergeCell ref="B94:C94"/>
    <mergeCell ref="E94:F94"/>
    <mergeCell ref="B89:C89"/>
    <mergeCell ref="E89:F89"/>
    <mergeCell ref="B90:C90"/>
    <mergeCell ref="E90:F90"/>
    <mergeCell ref="A91:A92"/>
    <mergeCell ref="B91:C92"/>
    <mergeCell ref="D91:G91"/>
    <mergeCell ref="B86:C86"/>
    <mergeCell ref="E86:F86"/>
    <mergeCell ref="B87:C87"/>
    <mergeCell ref="E87:F87"/>
    <mergeCell ref="B88:C88"/>
    <mergeCell ref="E88:F88"/>
    <mergeCell ref="B83:C83"/>
    <mergeCell ref="E83:F83"/>
    <mergeCell ref="B84:C84"/>
    <mergeCell ref="E84:F84"/>
    <mergeCell ref="B85:C85"/>
    <mergeCell ref="E85:F85"/>
    <mergeCell ref="H79:I79"/>
    <mergeCell ref="E80:F80"/>
    <mergeCell ref="B81:C81"/>
    <mergeCell ref="E81:F81"/>
    <mergeCell ref="B82:C82"/>
    <mergeCell ref="E82:F82"/>
    <mergeCell ref="B77:C77"/>
    <mergeCell ref="E77:F77"/>
    <mergeCell ref="B78:C78"/>
    <mergeCell ref="E78:F78"/>
    <mergeCell ref="A79:A80"/>
    <mergeCell ref="B79:C80"/>
    <mergeCell ref="D79:G79"/>
    <mergeCell ref="B74:C74"/>
    <mergeCell ref="E74:F74"/>
    <mergeCell ref="B75:C75"/>
    <mergeCell ref="E75:F75"/>
    <mergeCell ref="B76:C76"/>
    <mergeCell ref="E76:F76"/>
    <mergeCell ref="A72:A73"/>
    <mergeCell ref="B72:C73"/>
    <mergeCell ref="D72:G72"/>
    <mergeCell ref="H72:I72"/>
    <mergeCell ref="E73:F73"/>
    <mergeCell ref="B69:C69"/>
    <mergeCell ref="E69:F69"/>
    <mergeCell ref="B70:C70"/>
    <mergeCell ref="E70:F70"/>
    <mergeCell ref="B71:C71"/>
    <mergeCell ref="E71:F71"/>
    <mergeCell ref="B66:C66"/>
    <mergeCell ref="E66:F66"/>
    <mergeCell ref="B67:C67"/>
    <mergeCell ref="E67:F67"/>
    <mergeCell ref="B68:C68"/>
    <mergeCell ref="E68:F68"/>
    <mergeCell ref="B63:C63"/>
    <mergeCell ref="E63:F63"/>
    <mergeCell ref="B64:C64"/>
    <mergeCell ref="E64:F64"/>
    <mergeCell ref="B65:C65"/>
    <mergeCell ref="E65:F65"/>
    <mergeCell ref="B60:C60"/>
    <mergeCell ref="E60:F60"/>
    <mergeCell ref="B61:C61"/>
    <mergeCell ref="E61:F61"/>
    <mergeCell ref="B62:C62"/>
    <mergeCell ref="E62:F62"/>
    <mergeCell ref="B57:C57"/>
    <mergeCell ref="E57:F57"/>
    <mergeCell ref="B58:C58"/>
    <mergeCell ref="E58:F58"/>
    <mergeCell ref="B59:C59"/>
    <mergeCell ref="E59:F59"/>
    <mergeCell ref="H53:I53"/>
    <mergeCell ref="E54:F54"/>
    <mergeCell ref="B55:C55"/>
    <mergeCell ref="E55:F55"/>
    <mergeCell ref="B56:C56"/>
    <mergeCell ref="E56:F56"/>
    <mergeCell ref="B52:C52"/>
    <mergeCell ref="E52:F52"/>
    <mergeCell ref="A53:A54"/>
    <mergeCell ref="B53:C54"/>
    <mergeCell ref="D53:G53"/>
    <mergeCell ref="H48:I48"/>
    <mergeCell ref="E49:F49"/>
    <mergeCell ref="B50:C50"/>
    <mergeCell ref="E50:F50"/>
    <mergeCell ref="B51:C51"/>
    <mergeCell ref="E51:F51"/>
    <mergeCell ref="B46:C46"/>
    <mergeCell ref="E46:F46"/>
    <mergeCell ref="B47:C47"/>
    <mergeCell ref="E47:F47"/>
    <mergeCell ref="A48:A49"/>
    <mergeCell ref="B48:C49"/>
    <mergeCell ref="D48:G48"/>
    <mergeCell ref="B43:C43"/>
    <mergeCell ref="E43:F43"/>
    <mergeCell ref="B44:C44"/>
    <mergeCell ref="E44:F44"/>
    <mergeCell ref="B45:C45"/>
    <mergeCell ref="E45:F45"/>
    <mergeCell ref="B40:C40"/>
    <mergeCell ref="E40:F40"/>
    <mergeCell ref="B41:C41"/>
    <mergeCell ref="E41:F41"/>
    <mergeCell ref="B42:C42"/>
    <mergeCell ref="E42:F42"/>
    <mergeCell ref="B37:C37"/>
    <mergeCell ref="E37:F37"/>
    <mergeCell ref="B38:C38"/>
    <mergeCell ref="E38:F38"/>
    <mergeCell ref="B39:C39"/>
    <mergeCell ref="E39:F39"/>
    <mergeCell ref="B34:C34"/>
    <mergeCell ref="E34:F34"/>
    <mergeCell ref="B35:C35"/>
    <mergeCell ref="E35:F35"/>
    <mergeCell ref="B36:C36"/>
    <mergeCell ref="E36:F36"/>
    <mergeCell ref="B31:C31"/>
    <mergeCell ref="E31:F31"/>
    <mergeCell ref="B32:C32"/>
    <mergeCell ref="E32:F32"/>
    <mergeCell ref="B33:C33"/>
    <mergeCell ref="E33:F33"/>
    <mergeCell ref="B28:C28"/>
    <mergeCell ref="E28:F28"/>
    <mergeCell ref="B29:C29"/>
    <mergeCell ref="E29:F29"/>
    <mergeCell ref="B30:C30"/>
    <mergeCell ref="E30:F30"/>
    <mergeCell ref="A26:A27"/>
    <mergeCell ref="B26:C27"/>
    <mergeCell ref="D26:G26"/>
    <mergeCell ref="H26:I26"/>
    <mergeCell ref="E27:F27"/>
    <mergeCell ref="B23:C23"/>
    <mergeCell ref="E23:F23"/>
    <mergeCell ref="B24:C24"/>
    <mergeCell ref="E24:F24"/>
    <mergeCell ref="B25:C25"/>
    <mergeCell ref="E25:F25"/>
    <mergeCell ref="B20:C20"/>
    <mergeCell ref="E20:F20"/>
    <mergeCell ref="B21:C21"/>
    <mergeCell ref="E21:F21"/>
    <mergeCell ref="B22:C22"/>
    <mergeCell ref="E22:F22"/>
    <mergeCell ref="B17:C17"/>
    <mergeCell ref="E17:F17"/>
    <mergeCell ref="B18:C18"/>
    <mergeCell ref="E18:F18"/>
    <mergeCell ref="B19:C19"/>
    <mergeCell ref="E19:F19"/>
    <mergeCell ref="B14:C14"/>
    <mergeCell ref="E14:F14"/>
    <mergeCell ref="B15:C15"/>
    <mergeCell ref="E15:F15"/>
    <mergeCell ref="B16:C16"/>
    <mergeCell ref="E16:F16"/>
    <mergeCell ref="B12:C12"/>
    <mergeCell ref="E12:F12"/>
    <mergeCell ref="B13:C13"/>
    <mergeCell ref="E13:F13"/>
    <mergeCell ref="B8:C8"/>
    <mergeCell ref="E8:F8"/>
    <mergeCell ref="B9:C9"/>
    <mergeCell ref="E9:F9"/>
    <mergeCell ref="B10:C10"/>
    <mergeCell ref="E10:F10"/>
    <mergeCell ref="F2:J2"/>
    <mergeCell ref="A1:B3"/>
    <mergeCell ref="A5:J5"/>
    <mergeCell ref="A6:A7"/>
    <mergeCell ref="B6:C7"/>
    <mergeCell ref="D6:G6"/>
    <mergeCell ref="H6:I6"/>
    <mergeCell ref="E7:F7"/>
    <mergeCell ref="B11:C11"/>
    <mergeCell ref="E11:F11"/>
  </mergeCells>
  <pageMargins left="0.25" right="0.25" top="0.19685038924217224" bottom="0.19685038924217224" header="0" footer="0"/>
  <pageSetup orientation="portrait"/>
  <headerFooter>
    <oddFooter>&amp;R&amp;"Calibri"&amp;9 Page 1 of 1</oddFooter>
  </headerFooter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AA19"/>
  <sheetViews>
    <sheetView showGridLines="0" workbookViewId="0">
      <pane ySplit="5" topLeftCell="A6" activePane="bottomLeft" state="frozenSplit"/>
      <selection pane="bottomLeft" sqref="A1:C3"/>
    </sheetView>
  </sheetViews>
  <sheetFormatPr defaultRowHeight="15" customHeight="1"/>
  <cols>
    <col min="1" max="1" width="5.90625" customWidth="1"/>
    <col min="2" max="2" width="13.453125" customWidth="1"/>
    <col min="3" max="3" width="1.36328125" customWidth="1"/>
    <col min="4" max="4" width="2.54296875" customWidth="1"/>
    <col min="5" max="5" width="8.453125" customWidth="1"/>
    <col min="6" max="6" width="6.36328125" customWidth="1"/>
    <col min="7" max="7" width="8.6328125" customWidth="1"/>
    <col min="8" max="8" width="9.6328125" customWidth="1"/>
    <col min="9" max="9" width="5.6328125" customWidth="1"/>
    <col min="10" max="10" width="7.54296875" customWidth="1"/>
    <col min="11" max="11" width="9.6328125" customWidth="1"/>
    <col min="12" max="12" width="5.1796875" customWidth="1"/>
    <col min="13" max="13" width="7.54296875" customWidth="1"/>
    <col min="14" max="14" width="9.6328125" customWidth="1"/>
    <col min="15" max="15" width="5.90625" customWidth="1"/>
    <col min="16" max="16" width="3.453125" customWidth="1"/>
    <col min="17" max="17" width="2.90625" customWidth="1"/>
    <col min="18" max="18" width="8.6328125" customWidth="1"/>
    <col min="19" max="19" width="9.6328125" customWidth="1"/>
    <col min="20" max="20" width="7" customWidth="1"/>
    <col min="21" max="21" width="8.08984375" customWidth="1"/>
    <col min="22" max="22" width="9.6328125" customWidth="1"/>
    <col min="23" max="23" width="5" customWidth="1"/>
    <col min="24" max="24" width="8.08984375" customWidth="1"/>
    <col min="25" max="27" width="9.6328125" customWidth="1"/>
  </cols>
  <sheetData>
    <row r="1" spans="1:27" ht="18.899999999999999" customHeight="1">
      <c r="A1" s="68"/>
      <c r="B1" s="68"/>
      <c r="C1" s="68"/>
      <c r="D1" s="11"/>
      <c r="E1" s="11"/>
      <c r="F1" s="11"/>
      <c r="G1" s="11"/>
      <c r="H1" s="11"/>
      <c r="I1" s="11"/>
      <c r="J1" s="11"/>
      <c r="K1" s="11"/>
      <c r="L1" s="11"/>
      <c r="M1" s="11"/>
      <c r="N1" s="11"/>
      <c r="O1" s="11"/>
      <c r="P1" s="11"/>
      <c r="Q1" s="11"/>
      <c r="R1" s="11"/>
      <c r="S1" s="11"/>
      <c r="T1" s="11"/>
      <c r="U1" s="11"/>
      <c r="V1" s="11"/>
      <c r="W1" s="11"/>
      <c r="X1" s="11"/>
      <c r="Y1" s="11"/>
      <c r="Z1" s="11"/>
      <c r="AA1" s="11"/>
    </row>
    <row r="2" spans="1:27" ht="23.5" customHeight="1">
      <c r="A2" s="57"/>
      <c r="B2" s="57"/>
      <c r="C2" s="57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58" t="s">
        <v>215</v>
      </c>
      <c r="R2" s="58"/>
      <c r="S2" s="58"/>
      <c r="T2" s="58"/>
      <c r="U2" s="58"/>
      <c r="V2" s="58"/>
      <c r="W2" s="58"/>
      <c r="X2" s="58"/>
      <c r="Y2" s="58"/>
      <c r="Z2" s="58"/>
      <c r="AA2" s="58"/>
    </row>
    <row r="3" spans="1:27" ht="17" customHeight="1">
      <c r="A3" s="57"/>
      <c r="B3" s="57"/>
      <c r="C3" s="57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</row>
    <row r="4" spans="1:27" ht="5.4" customHeight="1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</row>
    <row r="5" spans="1:27" ht="17" customHeight="1">
      <c r="A5" s="59" t="s">
        <v>1</v>
      </c>
      <c r="B5" s="59"/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  <c r="P5" s="59"/>
      <c r="Q5" s="59"/>
      <c r="R5" s="59"/>
      <c r="S5" s="59"/>
      <c r="T5" s="59"/>
      <c r="U5" s="59"/>
      <c r="V5" s="59"/>
      <c r="W5" s="59"/>
      <c r="X5" s="59"/>
      <c r="Y5" s="59"/>
      <c r="Z5" s="59"/>
      <c r="AA5" s="59"/>
    </row>
    <row r="6" spans="1:27" ht="14.4" customHeight="1">
      <c r="A6" s="96" t="s">
        <v>216</v>
      </c>
      <c r="B6" s="97"/>
      <c r="C6" s="97"/>
      <c r="D6" s="97"/>
      <c r="E6" s="97"/>
      <c r="F6" s="30" t="s">
        <v>1</v>
      </c>
      <c r="G6" s="30" t="s">
        <v>1</v>
      </c>
      <c r="H6" s="30" t="s">
        <v>1</v>
      </c>
      <c r="I6" s="30" t="s">
        <v>1</v>
      </c>
      <c r="J6" s="30" t="s">
        <v>1</v>
      </c>
      <c r="K6" s="30" t="s">
        <v>1</v>
      </c>
      <c r="L6" s="30" t="s">
        <v>1</v>
      </c>
      <c r="M6" s="30" t="s">
        <v>1</v>
      </c>
      <c r="N6" s="30" t="s">
        <v>1</v>
      </c>
      <c r="O6" s="30" t="s">
        <v>1</v>
      </c>
      <c r="P6" s="98" t="s">
        <v>1</v>
      </c>
      <c r="Q6" s="98"/>
      <c r="R6" s="30" t="s">
        <v>1</v>
      </c>
      <c r="S6" s="30" t="s">
        <v>1</v>
      </c>
      <c r="T6" s="30" t="s">
        <v>1</v>
      </c>
      <c r="U6" s="30" t="s">
        <v>1</v>
      </c>
      <c r="V6" s="30" t="s">
        <v>1</v>
      </c>
      <c r="W6" s="30" t="s">
        <v>1</v>
      </c>
      <c r="X6" s="30" t="s">
        <v>1</v>
      </c>
      <c r="Y6" s="30" t="s">
        <v>1</v>
      </c>
      <c r="Z6" s="30" t="s">
        <v>1</v>
      </c>
      <c r="AA6" s="31" t="s">
        <v>1</v>
      </c>
    </row>
    <row r="7" spans="1:27" ht="14.4" customHeight="1">
      <c r="A7" s="32" t="s">
        <v>1</v>
      </c>
      <c r="B7" s="33" t="s">
        <v>1</v>
      </c>
      <c r="C7" s="102" t="s">
        <v>1</v>
      </c>
      <c r="D7" s="103"/>
      <c r="E7" s="103"/>
      <c r="F7" s="99" t="s">
        <v>217</v>
      </c>
      <c r="G7" s="91"/>
      <c r="H7" s="91"/>
      <c r="I7" s="99" t="s">
        <v>218</v>
      </c>
      <c r="J7" s="91"/>
      <c r="K7" s="91"/>
      <c r="L7" s="99" t="s">
        <v>219</v>
      </c>
      <c r="M7" s="91"/>
      <c r="N7" s="91"/>
      <c r="O7" s="99" t="s">
        <v>220</v>
      </c>
      <c r="P7" s="91"/>
      <c r="Q7" s="91"/>
      <c r="R7" s="91"/>
      <c r="S7" s="91"/>
      <c r="T7" s="99" t="s">
        <v>221</v>
      </c>
      <c r="U7" s="91"/>
      <c r="V7" s="91"/>
      <c r="W7" s="99" t="s">
        <v>222</v>
      </c>
      <c r="X7" s="91"/>
      <c r="Y7" s="91"/>
      <c r="Z7" s="99" t="s">
        <v>223</v>
      </c>
      <c r="AA7" s="100"/>
    </row>
    <row r="8" spans="1:27" ht="17.149999999999999" customHeight="1">
      <c r="A8" s="34" t="s">
        <v>224</v>
      </c>
      <c r="B8" s="35" t="s">
        <v>225</v>
      </c>
      <c r="C8" s="101" t="s">
        <v>57</v>
      </c>
      <c r="D8" s="98"/>
      <c r="E8" s="36" t="s">
        <v>226</v>
      </c>
      <c r="F8" s="36" t="s">
        <v>227</v>
      </c>
      <c r="G8" s="36" t="s">
        <v>228</v>
      </c>
      <c r="H8" s="36" t="s">
        <v>74</v>
      </c>
      <c r="I8" s="36" t="s">
        <v>229</v>
      </c>
      <c r="J8" s="36" t="s">
        <v>230</v>
      </c>
      <c r="K8" s="36" t="s">
        <v>74</v>
      </c>
      <c r="L8" s="36" t="s">
        <v>231</v>
      </c>
      <c r="M8" s="36" t="s">
        <v>230</v>
      </c>
      <c r="N8" s="36" t="s">
        <v>74</v>
      </c>
      <c r="O8" s="36" t="s">
        <v>232</v>
      </c>
      <c r="P8" s="101" t="s">
        <v>58</v>
      </c>
      <c r="Q8" s="98"/>
      <c r="R8" s="36" t="s">
        <v>228</v>
      </c>
      <c r="S8" s="36" t="s">
        <v>74</v>
      </c>
      <c r="T8" s="36" t="s">
        <v>233</v>
      </c>
      <c r="U8" s="36" t="s">
        <v>228</v>
      </c>
      <c r="V8" s="36" t="s">
        <v>74</v>
      </c>
      <c r="W8" s="36" t="s">
        <v>234</v>
      </c>
      <c r="X8" s="36" t="s">
        <v>228</v>
      </c>
      <c r="Y8" s="36" t="s">
        <v>74</v>
      </c>
      <c r="Z8" s="36" t="s">
        <v>73</v>
      </c>
      <c r="AA8" s="37" t="s">
        <v>74</v>
      </c>
    </row>
    <row r="9" spans="1:27" ht="17" customHeight="1">
      <c r="A9" s="38">
        <v>1</v>
      </c>
      <c r="B9" s="39" t="s">
        <v>235</v>
      </c>
      <c r="C9" s="104">
        <v>6.25E-2</v>
      </c>
      <c r="D9" s="105"/>
      <c r="E9" s="40">
        <v>2.5</v>
      </c>
      <c r="F9" s="41">
        <v>33.54</v>
      </c>
      <c r="G9" s="41">
        <v>364.59776799999997</v>
      </c>
      <c r="H9" s="41">
        <v>4375.2</v>
      </c>
      <c r="I9" s="42">
        <v>0.17560000000000001</v>
      </c>
      <c r="J9" s="41">
        <v>64.023368000000005</v>
      </c>
      <c r="K9" s="41">
        <v>768.24</v>
      </c>
      <c r="L9" s="42">
        <v>3.5000000000000003E-2</v>
      </c>
      <c r="M9" s="41">
        <v>12.760922000000001</v>
      </c>
      <c r="N9" s="41">
        <v>153.12</v>
      </c>
      <c r="O9" s="42">
        <v>0</v>
      </c>
      <c r="P9" s="106">
        <v>0</v>
      </c>
      <c r="Q9" s="107"/>
      <c r="R9" s="41">
        <v>0</v>
      </c>
      <c r="S9" s="41">
        <v>0</v>
      </c>
      <c r="T9" s="42">
        <v>0</v>
      </c>
      <c r="U9" s="41">
        <v>0</v>
      </c>
      <c r="V9" s="41">
        <v>0</v>
      </c>
      <c r="W9" s="42">
        <v>0.13120000000000001</v>
      </c>
      <c r="X9" s="41">
        <v>47.844341999999997</v>
      </c>
      <c r="Y9" s="41">
        <v>574.08000000000004</v>
      </c>
      <c r="Z9" s="41">
        <v>489.22640000000001</v>
      </c>
      <c r="AA9" s="43">
        <v>5870.64</v>
      </c>
    </row>
    <row r="10" spans="1:27" ht="17" customHeight="1">
      <c r="A10" s="44" t="s">
        <v>1</v>
      </c>
      <c r="B10" s="45" t="s">
        <v>236</v>
      </c>
      <c r="C10" s="108">
        <v>6.25E-2</v>
      </c>
      <c r="D10" s="109"/>
      <c r="E10" s="46">
        <v>2.5</v>
      </c>
      <c r="F10" s="47"/>
      <c r="G10" s="48">
        <v>364.59776799999997</v>
      </c>
      <c r="H10" s="48">
        <v>4375.2</v>
      </c>
      <c r="I10" s="49"/>
      <c r="J10" s="48">
        <v>64.023368000000005</v>
      </c>
      <c r="K10" s="48">
        <v>768.24</v>
      </c>
      <c r="L10" s="49"/>
      <c r="M10" s="48">
        <v>12.760922000000001</v>
      </c>
      <c r="N10" s="48">
        <v>153.12</v>
      </c>
      <c r="O10" s="49"/>
      <c r="P10" s="110"/>
      <c r="Q10" s="111"/>
      <c r="R10" s="48">
        <v>0</v>
      </c>
      <c r="S10" s="48">
        <v>0</v>
      </c>
      <c r="T10" s="49"/>
      <c r="U10" s="48">
        <v>0</v>
      </c>
      <c r="V10" s="48">
        <v>0</v>
      </c>
      <c r="W10" s="49"/>
      <c r="X10" s="48">
        <v>47.844341999999997</v>
      </c>
      <c r="Y10" s="48">
        <v>574.08000000000004</v>
      </c>
      <c r="Z10" s="48">
        <v>489.22640000000001</v>
      </c>
      <c r="AA10" s="50">
        <v>5870.64</v>
      </c>
    </row>
    <row r="11" spans="1:27" ht="14.4" customHeight="1">
      <c r="A11" s="51" t="s">
        <v>1</v>
      </c>
      <c r="B11" s="51" t="s">
        <v>1</v>
      </c>
      <c r="C11" s="112" t="s">
        <v>1</v>
      </c>
      <c r="D11" s="113"/>
      <c r="E11" s="52" t="s">
        <v>1</v>
      </c>
      <c r="F11" s="52" t="s">
        <v>1</v>
      </c>
      <c r="G11" s="52" t="s">
        <v>1</v>
      </c>
      <c r="H11" s="52" t="s">
        <v>1</v>
      </c>
      <c r="I11" s="52" t="s">
        <v>1</v>
      </c>
      <c r="J11" s="52" t="s">
        <v>1</v>
      </c>
      <c r="K11" s="52" t="s">
        <v>1</v>
      </c>
      <c r="L11" s="52" t="s">
        <v>1</v>
      </c>
      <c r="M11" s="52" t="s">
        <v>1</v>
      </c>
      <c r="N11" s="52" t="s">
        <v>1</v>
      </c>
      <c r="O11" s="52" t="s">
        <v>1</v>
      </c>
      <c r="P11" s="112" t="s">
        <v>1</v>
      </c>
      <c r="Q11" s="113"/>
      <c r="R11" s="52" t="s">
        <v>1</v>
      </c>
      <c r="S11" s="52" t="s">
        <v>1</v>
      </c>
      <c r="T11" s="52" t="s">
        <v>1</v>
      </c>
      <c r="U11" s="52" t="s">
        <v>1</v>
      </c>
      <c r="V11" s="52" t="s">
        <v>1</v>
      </c>
      <c r="W11" s="52" t="s">
        <v>1</v>
      </c>
      <c r="X11" s="52" t="s">
        <v>1</v>
      </c>
      <c r="Y11" s="52" t="s">
        <v>1</v>
      </c>
      <c r="Z11" s="52" t="s">
        <v>1</v>
      </c>
      <c r="AA11" s="53" t="s">
        <v>1</v>
      </c>
    </row>
    <row r="12" spans="1:27" ht="14.4" customHeight="1">
      <c r="A12" s="96" t="s">
        <v>237</v>
      </c>
      <c r="B12" s="97"/>
      <c r="C12" s="97"/>
      <c r="D12" s="97"/>
      <c r="E12" s="97"/>
      <c r="F12" s="30" t="s">
        <v>1</v>
      </c>
      <c r="G12" s="30" t="s">
        <v>1</v>
      </c>
      <c r="H12" s="30" t="s">
        <v>1</v>
      </c>
      <c r="I12" s="30" t="s">
        <v>1</v>
      </c>
      <c r="J12" s="30" t="s">
        <v>1</v>
      </c>
      <c r="K12" s="30" t="s">
        <v>1</v>
      </c>
      <c r="L12" s="30" t="s">
        <v>1</v>
      </c>
      <c r="M12" s="30" t="s">
        <v>1</v>
      </c>
      <c r="N12" s="30" t="s">
        <v>1</v>
      </c>
      <c r="O12" s="30" t="s">
        <v>1</v>
      </c>
      <c r="P12" s="98" t="s">
        <v>1</v>
      </c>
      <c r="Q12" s="98"/>
      <c r="R12" s="30" t="s">
        <v>1</v>
      </c>
      <c r="S12" s="30" t="s">
        <v>1</v>
      </c>
      <c r="T12" s="30" t="s">
        <v>1</v>
      </c>
      <c r="U12" s="30" t="s">
        <v>1</v>
      </c>
      <c r="V12" s="30" t="s">
        <v>1</v>
      </c>
      <c r="W12" s="30" t="s">
        <v>1</v>
      </c>
      <c r="X12" s="30" t="s">
        <v>1</v>
      </c>
      <c r="Y12" s="30" t="s">
        <v>1</v>
      </c>
      <c r="Z12" s="30" t="s">
        <v>1</v>
      </c>
      <c r="AA12" s="31" t="s">
        <v>1</v>
      </c>
    </row>
    <row r="13" spans="1:27" ht="14.4" customHeight="1">
      <c r="A13" s="32" t="s">
        <v>1</v>
      </c>
      <c r="B13" s="33" t="s">
        <v>1</v>
      </c>
      <c r="C13" s="102" t="s">
        <v>1</v>
      </c>
      <c r="D13" s="103"/>
      <c r="E13" s="103"/>
      <c r="F13" s="99" t="s">
        <v>217</v>
      </c>
      <c r="G13" s="91"/>
      <c r="H13" s="91"/>
      <c r="I13" s="99" t="s">
        <v>218</v>
      </c>
      <c r="J13" s="91"/>
      <c r="K13" s="91"/>
      <c r="L13" s="99" t="s">
        <v>219</v>
      </c>
      <c r="M13" s="91"/>
      <c r="N13" s="91"/>
      <c r="O13" s="99" t="s">
        <v>220</v>
      </c>
      <c r="P13" s="91"/>
      <c r="Q13" s="91"/>
      <c r="R13" s="91"/>
      <c r="S13" s="91"/>
      <c r="T13" s="99" t="s">
        <v>221</v>
      </c>
      <c r="U13" s="91"/>
      <c r="V13" s="91"/>
      <c r="W13" s="99" t="s">
        <v>222</v>
      </c>
      <c r="X13" s="91"/>
      <c r="Y13" s="91"/>
      <c r="Z13" s="99" t="s">
        <v>223</v>
      </c>
      <c r="AA13" s="100"/>
    </row>
    <row r="14" spans="1:27" ht="17.149999999999999" customHeight="1">
      <c r="A14" s="34" t="s">
        <v>224</v>
      </c>
      <c r="B14" s="35" t="s">
        <v>225</v>
      </c>
      <c r="C14" s="101" t="s">
        <v>57</v>
      </c>
      <c r="D14" s="98"/>
      <c r="E14" s="36" t="s">
        <v>226</v>
      </c>
      <c r="F14" s="36" t="s">
        <v>227</v>
      </c>
      <c r="G14" s="36" t="s">
        <v>228</v>
      </c>
      <c r="H14" s="36" t="s">
        <v>74</v>
      </c>
      <c r="I14" s="36" t="s">
        <v>229</v>
      </c>
      <c r="J14" s="36" t="s">
        <v>230</v>
      </c>
      <c r="K14" s="36" t="s">
        <v>74</v>
      </c>
      <c r="L14" s="36" t="s">
        <v>231</v>
      </c>
      <c r="M14" s="36" t="s">
        <v>230</v>
      </c>
      <c r="N14" s="36" t="s">
        <v>74</v>
      </c>
      <c r="O14" s="36" t="s">
        <v>232</v>
      </c>
      <c r="P14" s="101" t="s">
        <v>58</v>
      </c>
      <c r="Q14" s="98"/>
      <c r="R14" s="36" t="s">
        <v>228</v>
      </c>
      <c r="S14" s="36" t="s">
        <v>74</v>
      </c>
      <c r="T14" s="36" t="s">
        <v>233</v>
      </c>
      <c r="U14" s="36" t="s">
        <v>228</v>
      </c>
      <c r="V14" s="36" t="s">
        <v>74</v>
      </c>
      <c r="W14" s="36" t="s">
        <v>234</v>
      </c>
      <c r="X14" s="36" t="s">
        <v>228</v>
      </c>
      <c r="Y14" s="36" t="s">
        <v>74</v>
      </c>
      <c r="Z14" s="36" t="s">
        <v>73</v>
      </c>
      <c r="AA14" s="37" t="s">
        <v>74</v>
      </c>
    </row>
    <row r="15" spans="1:27" ht="17.149999999999999" customHeight="1">
      <c r="A15" s="38">
        <v>1</v>
      </c>
      <c r="B15" s="39" t="s">
        <v>63</v>
      </c>
      <c r="C15" s="104">
        <v>0.25</v>
      </c>
      <c r="D15" s="105"/>
      <c r="E15" s="40">
        <v>10</v>
      </c>
      <c r="F15" s="41">
        <v>25.405000000000001</v>
      </c>
      <c r="G15" s="41">
        <v>1111.07089</v>
      </c>
      <c r="H15" s="41">
        <v>13332.84</v>
      </c>
      <c r="I15" s="42">
        <v>0.17505123</v>
      </c>
      <c r="J15" s="41">
        <v>194.49432899999999</v>
      </c>
      <c r="K15" s="41">
        <v>2333.88</v>
      </c>
      <c r="L15" s="42">
        <v>3.5000000000000003E-2</v>
      </c>
      <c r="M15" s="41">
        <v>37.785578999999998</v>
      </c>
      <c r="N15" s="41">
        <v>453.48</v>
      </c>
      <c r="O15" s="42">
        <v>0.15460844000000001</v>
      </c>
      <c r="P15" s="106">
        <v>1</v>
      </c>
      <c r="Q15" s="107"/>
      <c r="R15" s="41">
        <v>170.79035300000001</v>
      </c>
      <c r="S15" s="41">
        <v>2049.48</v>
      </c>
      <c r="T15" s="42">
        <v>0.11749999999999999</v>
      </c>
      <c r="U15" s="41">
        <v>20.067865999999999</v>
      </c>
      <c r="V15" s="41">
        <v>240.84</v>
      </c>
      <c r="W15" s="42">
        <v>0.13120000000000001</v>
      </c>
      <c r="X15" s="41">
        <v>164.080895</v>
      </c>
      <c r="Y15" s="41">
        <v>1968.96</v>
      </c>
      <c r="Z15" s="41">
        <v>1698.289912</v>
      </c>
      <c r="AA15" s="43">
        <v>20379.48</v>
      </c>
    </row>
    <row r="16" spans="1:27" ht="17.149999999999999" customHeight="1">
      <c r="A16" s="38">
        <v>2</v>
      </c>
      <c r="B16" s="39" t="s">
        <v>63</v>
      </c>
      <c r="C16" s="104">
        <v>0.25</v>
      </c>
      <c r="D16" s="105"/>
      <c r="E16" s="40">
        <v>10</v>
      </c>
      <c r="F16" s="41">
        <v>25.405000000000001</v>
      </c>
      <c r="G16" s="41">
        <v>1111.07089</v>
      </c>
      <c r="H16" s="41">
        <v>13332.84</v>
      </c>
      <c r="I16" s="42">
        <v>0.17505123</v>
      </c>
      <c r="J16" s="41">
        <v>194.49432899999999</v>
      </c>
      <c r="K16" s="41">
        <v>2333.88</v>
      </c>
      <c r="L16" s="42">
        <v>3.5000000000000003E-2</v>
      </c>
      <c r="M16" s="41">
        <v>37.785578999999998</v>
      </c>
      <c r="N16" s="41">
        <v>453.48</v>
      </c>
      <c r="O16" s="42">
        <v>0.15460844000000001</v>
      </c>
      <c r="P16" s="106">
        <v>1</v>
      </c>
      <c r="Q16" s="107"/>
      <c r="R16" s="41">
        <v>170.79035300000001</v>
      </c>
      <c r="S16" s="41">
        <v>2049.48</v>
      </c>
      <c r="T16" s="42">
        <v>0.11749999999999999</v>
      </c>
      <c r="U16" s="41">
        <v>20.067865999999999</v>
      </c>
      <c r="V16" s="41">
        <v>240.84</v>
      </c>
      <c r="W16" s="42">
        <v>0.13120000000000001</v>
      </c>
      <c r="X16" s="41">
        <v>164.080895</v>
      </c>
      <c r="Y16" s="41">
        <v>1968.96</v>
      </c>
      <c r="Z16" s="41">
        <v>1698.289912</v>
      </c>
      <c r="AA16" s="43">
        <v>20379.48</v>
      </c>
    </row>
    <row r="17" spans="1:27" ht="17" customHeight="1">
      <c r="A17" s="44" t="s">
        <v>1</v>
      </c>
      <c r="B17" s="45" t="s">
        <v>238</v>
      </c>
      <c r="C17" s="108">
        <v>0.5</v>
      </c>
      <c r="D17" s="109"/>
      <c r="E17" s="46">
        <v>20</v>
      </c>
      <c r="F17" s="47"/>
      <c r="G17" s="48">
        <v>2222.1417799999999</v>
      </c>
      <c r="H17" s="48">
        <v>26665.68</v>
      </c>
      <c r="I17" s="49"/>
      <c r="J17" s="48">
        <v>388.98865799999999</v>
      </c>
      <c r="K17" s="48">
        <v>4667.76</v>
      </c>
      <c r="L17" s="49"/>
      <c r="M17" s="48">
        <v>75.571157999999997</v>
      </c>
      <c r="N17" s="48">
        <v>906.96</v>
      </c>
      <c r="O17" s="49"/>
      <c r="P17" s="110"/>
      <c r="Q17" s="111"/>
      <c r="R17" s="48">
        <v>341.58070600000002</v>
      </c>
      <c r="S17" s="48">
        <v>4098.96</v>
      </c>
      <c r="T17" s="49"/>
      <c r="U17" s="48">
        <v>40.135731999999997</v>
      </c>
      <c r="V17" s="48">
        <v>481.68</v>
      </c>
      <c r="W17" s="49"/>
      <c r="X17" s="48">
        <v>328.16179</v>
      </c>
      <c r="Y17" s="48">
        <v>3937.92</v>
      </c>
      <c r="Z17" s="48">
        <v>3396.5798239999999</v>
      </c>
      <c r="AA17" s="50">
        <v>40758.959999999999</v>
      </c>
    </row>
    <row r="18" spans="1:27" ht="17.149999999999999" customHeight="1">
      <c r="A18" s="44" t="s">
        <v>1</v>
      </c>
      <c r="B18" s="45" t="s">
        <v>239</v>
      </c>
      <c r="C18" s="108">
        <v>0.5625</v>
      </c>
      <c r="D18" s="109"/>
      <c r="E18" s="46">
        <v>22.5</v>
      </c>
      <c r="F18" s="47"/>
      <c r="G18" s="48">
        <v>2586.739548</v>
      </c>
      <c r="H18" s="48">
        <v>31040.880000000001</v>
      </c>
      <c r="I18" s="49"/>
      <c r="J18" s="48">
        <v>453.01202599999999</v>
      </c>
      <c r="K18" s="48">
        <v>5436</v>
      </c>
      <c r="L18" s="49"/>
      <c r="M18" s="48">
        <v>88.332080000000005</v>
      </c>
      <c r="N18" s="48">
        <v>1060.08</v>
      </c>
      <c r="O18" s="49"/>
      <c r="P18" s="110"/>
      <c r="Q18" s="111"/>
      <c r="R18" s="48">
        <v>341.58070600000002</v>
      </c>
      <c r="S18" s="48">
        <v>4098.96</v>
      </c>
      <c r="T18" s="49"/>
      <c r="U18" s="48">
        <v>40.135731999999997</v>
      </c>
      <c r="V18" s="48">
        <v>481.68</v>
      </c>
      <c r="W18" s="49"/>
      <c r="X18" s="48">
        <v>376.00613199999998</v>
      </c>
      <c r="Y18" s="48">
        <v>4512</v>
      </c>
      <c r="Z18" s="48">
        <v>3885.8062239999999</v>
      </c>
      <c r="AA18" s="50">
        <v>46629.599999999999</v>
      </c>
    </row>
    <row r="19" spans="1:27" ht="14.4" customHeight="1">
      <c r="A19" s="51" t="s">
        <v>1</v>
      </c>
      <c r="B19" s="51" t="s">
        <v>1</v>
      </c>
      <c r="C19" s="112" t="s">
        <v>1</v>
      </c>
      <c r="D19" s="113"/>
      <c r="E19" s="52" t="s">
        <v>1</v>
      </c>
      <c r="F19" s="52" t="s">
        <v>1</v>
      </c>
      <c r="G19" s="52" t="s">
        <v>1</v>
      </c>
      <c r="H19" s="52" t="s">
        <v>1</v>
      </c>
      <c r="I19" s="52" t="s">
        <v>1</v>
      </c>
      <c r="J19" s="52" t="s">
        <v>1</v>
      </c>
      <c r="K19" s="52" t="s">
        <v>1</v>
      </c>
      <c r="L19" s="52" t="s">
        <v>1</v>
      </c>
      <c r="M19" s="52" t="s">
        <v>1</v>
      </c>
      <c r="N19" s="52" t="s">
        <v>1</v>
      </c>
      <c r="O19" s="52" t="s">
        <v>1</v>
      </c>
      <c r="P19" s="112" t="s">
        <v>1</v>
      </c>
      <c r="Q19" s="113"/>
      <c r="R19" s="52" t="s">
        <v>1</v>
      </c>
      <c r="S19" s="52" t="s">
        <v>1</v>
      </c>
      <c r="T19" s="52" t="s">
        <v>1</v>
      </c>
      <c r="U19" s="52" t="s">
        <v>1</v>
      </c>
      <c r="V19" s="52" t="s">
        <v>1</v>
      </c>
      <c r="W19" s="52" t="s">
        <v>1</v>
      </c>
      <c r="X19" s="52" t="s">
        <v>1</v>
      </c>
      <c r="Y19" s="52" t="s">
        <v>1</v>
      </c>
      <c r="Z19" s="52" t="s">
        <v>1</v>
      </c>
      <c r="AA19" s="53" t="s">
        <v>1</v>
      </c>
    </row>
  </sheetData>
  <mergeCells count="43">
    <mergeCell ref="C18:D18"/>
    <mergeCell ref="P18:Q18"/>
    <mergeCell ref="C19:D19"/>
    <mergeCell ref="P19:Q19"/>
    <mergeCell ref="C15:D15"/>
    <mergeCell ref="P15:Q15"/>
    <mergeCell ref="C16:D16"/>
    <mergeCell ref="P16:Q16"/>
    <mergeCell ref="C17:D17"/>
    <mergeCell ref="P17:Q17"/>
    <mergeCell ref="T13:V13"/>
    <mergeCell ref="W13:Y13"/>
    <mergeCell ref="Z13:AA13"/>
    <mergeCell ref="C14:D14"/>
    <mergeCell ref="P14:Q14"/>
    <mergeCell ref="A12:E12"/>
    <mergeCell ref="P12:Q12"/>
    <mergeCell ref="C13:E13"/>
    <mergeCell ref="F13:H13"/>
    <mergeCell ref="I13:K13"/>
    <mergeCell ref="L13:N13"/>
    <mergeCell ref="O13:S13"/>
    <mergeCell ref="C9:D9"/>
    <mergeCell ref="P9:Q9"/>
    <mergeCell ref="C10:D10"/>
    <mergeCell ref="P10:Q10"/>
    <mergeCell ref="C11:D11"/>
    <mergeCell ref="P11:Q11"/>
    <mergeCell ref="T7:V7"/>
    <mergeCell ref="W7:Y7"/>
    <mergeCell ref="Z7:AA7"/>
    <mergeCell ref="C8:D8"/>
    <mergeCell ref="P8:Q8"/>
    <mergeCell ref="C7:E7"/>
    <mergeCell ref="F7:H7"/>
    <mergeCell ref="I7:K7"/>
    <mergeCell ref="L7:N7"/>
    <mergeCell ref="O7:S7"/>
    <mergeCell ref="Q2:AA2"/>
    <mergeCell ref="A1:C3"/>
    <mergeCell ref="A5:AA5"/>
    <mergeCell ref="A6:E6"/>
    <mergeCell ref="P6:Q6"/>
  </mergeCells>
  <pageMargins left="0.23000000417232513" right="0.23000000417232513" top="0.19685038924217224" bottom="0.19685038924217224" header="0" footer="0"/>
  <pageSetup paperSize="0" orientation="landscape"/>
  <headerFooter>
    <oddFooter>&amp;R&amp;"Calibri"&amp;9 Page 1 of 1</oddFooter>
  </headerFooter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J14"/>
  <sheetViews>
    <sheetView showGridLines="0" workbookViewId="0">
      <pane ySplit="5" topLeftCell="A6" activePane="bottomLeft" state="frozenSplit"/>
      <selection pane="bottomLeft" sqref="A1:A3"/>
    </sheetView>
  </sheetViews>
  <sheetFormatPr defaultRowHeight="15" customHeight="1"/>
  <cols>
    <col min="1" max="1" width="20.81640625" customWidth="1"/>
    <col min="2" max="2" width="1.90625" customWidth="1"/>
    <col min="3" max="3" width="13.6328125" customWidth="1"/>
    <col min="4" max="4" width="16.453125" customWidth="1"/>
    <col min="5" max="5" width="2" customWidth="1"/>
    <col min="6" max="6" width="5.54296875" customWidth="1"/>
    <col min="7" max="7" width="25.36328125" customWidth="1"/>
    <col min="8" max="8" width="5.54296875" customWidth="1"/>
    <col min="9" max="9" width="18.36328125" customWidth="1"/>
    <col min="10" max="10" width="0.453125" customWidth="1"/>
  </cols>
  <sheetData>
    <row r="1" spans="1:10" ht="18.899999999999999" customHeight="1">
      <c r="A1" s="57"/>
      <c r="B1" s="1"/>
      <c r="C1" s="1"/>
      <c r="D1" s="1"/>
      <c r="E1" s="1"/>
      <c r="F1" s="1"/>
      <c r="G1" s="1"/>
      <c r="H1" s="1"/>
      <c r="I1" s="1"/>
      <c r="J1" s="1"/>
    </row>
    <row r="2" spans="1:10" ht="23.5" customHeight="1">
      <c r="A2" s="57"/>
      <c r="B2" s="1"/>
      <c r="C2" s="1"/>
      <c r="D2" s="1"/>
      <c r="E2" s="1"/>
      <c r="F2" s="58" t="s">
        <v>240</v>
      </c>
      <c r="G2" s="58"/>
      <c r="H2" s="58"/>
      <c r="I2" s="58"/>
      <c r="J2" s="58"/>
    </row>
    <row r="3" spans="1:10" ht="17" customHeight="1">
      <c r="A3" s="57"/>
      <c r="B3" s="1"/>
      <c r="C3" s="1"/>
      <c r="D3" s="1"/>
      <c r="E3" s="1"/>
      <c r="F3" s="1"/>
      <c r="G3" s="1"/>
      <c r="H3" s="1"/>
      <c r="I3" s="1"/>
      <c r="J3" s="1"/>
    </row>
    <row r="4" spans="1:10" ht="5.4" customHeight="1">
      <c r="A4" s="1"/>
      <c r="B4" s="1"/>
      <c r="C4" s="1"/>
      <c r="D4" s="1"/>
      <c r="E4" s="1"/>
      <c r="F4" s="1"/>
      <c r="G4" s="1"/>
      <c r="H4" s="1"/>
      <c r="I4" s="1"/>
      <c r="J4" s="1"/>
    </row>
    <row r="5" spans="1:10" ht="17" customHeight="1">
      <c r="A5" s="59" t="s">
        <v>1</v>
      </c>
      <c r="B5" s="59"/>
      <c r="C5" s="59"/>
      <c r="D5" s="59"/>
      <c r="E5" s="59"/>
      <c r="F5" s="59"/>
      <c r="G5" s="59"/>
      <c r="H5" s="59"/>
      <c r="I5" s="59"/>
      <c r="J5" s="59"/>
    </row>
    <row r="6" spans="1:10" ht="30" customHeight="1">
      <c r="A6" s="114" t="s">
        <v>241</v>
      </c>
      <c r="B6" s="114"/>
      <c r="C6" s="2" t="s">
        <v>1</v>
      </c>
      <c r="D6" s="2" t="s">
        <v>1</v>
      </c>
      <c r="E6" s="114" t="s">
        <v>1</v>
      </c>
      <c r="F6" s="114"/>
      <c r="G6" s="3" t="s">
        <v>1</v>
      </c>
      <c r="H6" s="4" t="s">
        <v>1</v>
      </c>
      <c r="I6" s="5" t="s">
        <v>1</v>
      </c>
      <c r="J6" s="1"/>
    </row>
    <row r="7" spans="1:10" ht="28.5" customHeight="1">
      <c r="A7" s="63" t="s">
        <v>242</v>
      </c>
      <c r="B7" s="63"/>
      <c r="C7" s="6" t="s">
        <v>1</v>
      </c>
      <c r="D7" s="6" t="s">
        <v>1</v>
      </c>
      <c r="E7" s="63" t="s">
        <v>1</v>
      </c>
      <c r="F7" s="63"/>
      <c r="G7" s="6" t="s">
        <v>243</v>
      </c>
      <c r="H7" s="7" t="s">
        <v>1</v>
      </c>
      <c r="I7" s="6" t="s">
        <v>244</v>
      </c>
      <c r="J7" s="1"/>
    </row>
    <row r="8" spans="1:10" ht="18" customHeight="1">
      <c r="A8" s="115">
        <v>4235.53</v>
      </c>
      <c r="B8" s="115"/>
      <c r="C8" s="55" t="s">
        <v>1</v>
      </c>
      <c r="D8" s="55" t="s">
        <v>1</v>
      </c>
      <c r="E8" s="116" t="s">
        <v>245</v>
      </c>
      <c r="F8" s="116"/>
      <c r="G8" s="56">
        <v>82.963928569999993</v>
      </c>
      <c r="H8" s="55" t="s">
        <v>246</v>
      </c>
      <c r="I8" s="54">
        <v>51.052669190000003</v>
      </c>
      <c r="J8" s="1"/>
    </row>
    <row r="9" spans="1:10" ht="17.899999999999999" customHeight="1">
      <c r="A9" s="114" t="s">
        <v>1</v>
      </c>
      <c r="B9" s="114"/>
      <c r="C9" s="2" t="s">
        <v>1</v>
      </c>
      <c r="D9" s="2" t="s">
        <v>1</v>
      </c>
      <c r="E9" s="114" t="s">
        <v>1</v>
      </c>
      <c r="F9" s="114"/>
      <c r="G9" s="5" t="s">
        <v>1</v>
      </c>
      <c r="H9" s="8" t="s">
        <v>1</v>
      </c>
      <c r="I9" s="5" t="s">
        <v>1</v>
      </c>
      <c r="J9" s="1"/>
    </row>
    <row r="10" spans="1:10" ht="30" customHeight="1">
      <c r="A10" s="114" t="s">
        <v>247</v>
      </c>
      <c r="B10" s="114"/>
      <c r="C10" s="114"/>
      <c r="D10" s="2" t="s">
        <v>1</v>
      </c>
      <c r="E10" s="114" t="s">
        <v>1</v>
      </c>
      <c r="F10" s="114"/>
      <c r="G10" s="5" t="s">
        <v>1</v>
      </c>
      <c r="H10" s="8" t="s">
        <v>1</v>
      </c>
      <c r="I10" s="5" t="s">
        <v>1</v>
      </c>
      <c r="J10" s="1"/>
    </row>
    <row r="11" spans="1:10" ht="28.4" customHeight="1">
      <c r="A11" s="63" t="s">
        <v>248</v>
      </c>
      <c r="B11" s="63"/>
      <c r="C11" s="6" t="s">
        <v>1</v>
      </c>
      <c r="D11" s="6" t="s">
        <v>249</v>
      </c>
      <c r="E11" s="63" t="s">
        <v>1</v>
      </c>
      <c r="F11" s="63"/>
      <c r="G11" s="6" t="s">
        <v>243</v>
      </c>
      <c r="H11" s="6" t="s">
        <v>1</v>
      </c>
      <c r="I11" s="6" t="s">
        <v>250</v>
      </c>
      <c r="J11" s="1"/>
    </row>
    <row r="12" spans="1:10" ht="18" customHeight="1">
      <c r="A12" s="115">
        <v>2970.0394580000002</v>
      </c>
      <c r="B12" s="115"/>
      <c r="C12" s="55" t="s">
        <v>251</v>
      </c>
      <c r="D12" s="25">
        <v>426.54036600000001</v>
      </c>
      <c r="E12" s="116" t="s">
        <v>245</v>
      </c>
      <c r="F12" s="116"/>
      <c r="G12" s="56">
        <v>82.963928569999993</v>
      </c>
      <c r="H12" s="55" t="s">
        <v>246</v>
      </c>
      <c r="I12" s="54">
        <v>40.940443139999999</v>
      </c>
      <c r="J12" s="1"/>
    </row>
    <row r="13" spans="1:10" ht="17.899999999999999" customHeight="1">
      <c r="A13" s="63" t="s">
        <v>1</v>
      </c>
      <c r="B13" s="63"/>
      <c r="C13" s="6" t="s">
        <v>1</v>
      </c>
      <c r="D13" s="6" t="s">
        <v>1</v>
      </c>
      <c r="E13" s="63" t="s">
        <v>1</v>
      </c>
      <c r="F13" s="63"/>
      <c r="G13" s="7" t="s">
        <v>1</v>
      </c>
      <c r="H13" s="6" t="s">
        <v>1</v>
      </c>
      <c r="I13" s="7" t="s">
        <v>1</v>
      </c>
      <c r="J13" s="1"/>
    </row>
    <row r="14" spans="1:10" ht="290.39999999999998" customHeight="1">
      <c r="A14" s="1"/>
      <c r="B14" s="1"/>
      <c r="C14" s="1"/>
      <c r="D14" s="1"/>
      <c r="E14" s="1"/>
      <c r="F14" s="1"/>
      <c r="G14" s="1"/>
      <c r="H14" s="1"/>
      <c r="I14" s="1"/>
      <c r="J14" s="1"/>
    </row>
  </sheetData>
  <mergeCells count="19">
    <mergeCell ref="A13:B13"/>
    <mergeCell ref="E13:F13"/>
    <mergeCell ref="A10:C10"/>
    <mergeCell ref="E10:F10"/>
    <mergeCell ref="A11:B11"/>
    <mergeCell ref="E11:F11"/>
    <mergeCell ref="A12:B12"/>
    <mergeCell ref="E12:F12"/>
    <mergeCell ref="A7:B7"/>
    <mergeCell ref="E7:F7"/>
    <mergeCell ref="A8:B8"/>
    <mergeCell ref="E8:F8"/>
    <mergeCell ref="A9:B9"/>
    <mergeCell ref="E9:F9"/>
    <mergeCell ref="A1:A3"/>
    <mergeCell ref="F2:J2"/>
    <mergeCell ref="A5:J5"/>
    <mergeCell ref="A6:B6"/>
    <mergeCell ref="E6:F6"/>
  </mergeCells>
  <pageMargins left="0.25" right="0.25" top="0.19685038924217224" bottom="0.19685038924217224" header="0" footer="0"/>
  <pageSetup orientation="portrait"/>
  <headerFooter>
    <oddFooter>&amp;R&amp;"Calibri"&amp;9 Page 1 of 1</oddFooter>
  </headerFooter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5</vt:i4>
      </vt:variant>
    </vt:vector>
  </HeadingPairs>
  <TitlesOfParts>
    <vt:vector size="5" baseType="lpstr">
      <vt:lpstr>Header</vt:lpstr>
      <vt:lpstr>Staffing Schedule</vt:lpstr>
      <vt:lpstr>Funding</vt:lpstr>
      <vt:lpstr>Wage &amp; Benefit Calc.</vt:lpstr>
      <vt:lpstr>Misc. Rat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blett, Catherine CLBC:EX</dc:creator>
  <cp:lastModifiedBy>Serraf, Joanne CLBC:EX</cp:lastModifiedBy>
  <dcterms:created xsi:type="dcterms:W3CDTF">2022-10-25T21:09:43Z</dcterms:created>
  <dcterms:modified xsi:type="dcterms:W3CDTF">2023-03-03T19:47:39Z</dcterms:modified>
</cp:coreProperties>
</file>